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ink/ink1.xml" ContentType="application/inkml+xml"/>
  <Override PartName="/word/ink/ink2.xml" ContentType="application/inkml+xml"/>
  <Override PartName="/word/ink/ink3.xml" ContentType="application/inkml+xml"/>
  <Override PartName="/word/ink/ink4.xml" ContentType="application/inkml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B9FCBC6" w14:textId="2A7BFE55" w:rsidR="008329E9" w:rsidRPr="001C3866" w:rsidRDefault="009769F4" w:rsidP="009769F4">
      <w:pPr>
        <w:spacing w:after="0"/>
        <w:jc w:val="center"/>
        <w:rPr>
          <w:b/>
          <w:bCs/>
          <w:sz w:val="36"/>
          <w:szCs w:val="36"/>
        </w:rPr>
      </w:pPr>
      <w:r>
        <w:rPr>
          <w:b/>
          <w:bCs/>
          <w:sz w:val="36"/>
          <w:szCs w:val="36"/>
        </w:rPr>
        <w:t>Cách DFU dành cho Developer</w:t>
      </w:r>
    </w:p>
    <w:p w14:paraId="59D080B9" w14:textId="77777777" w:rsidR="004E0B0C" w:rsidRDefault="004E0B0C" w:rsidP="004E0B0C">
      <w:pPr>
        <w:spacing w:after="0"/>
      </w:pPr>
    </w:p>
    <w:p w14:paraId="08C0EAD0" w14:textId="073DAB54" w:rsidR="006A618A" w:rsidRPr="00715B64" w:rsidRDefault="001B70B6" w:rsidP="004E0B0C">
      <w:pPr>
        <w:spacing w:after="0"/>
        <w:rPr>
          <w:b/>
          <w:bCs/>
          <w:sz w:val="28"/>
          <w:szCs w:val="28"/>
        </w:rPr>
      </w:pPr>
      <w:r w:rsidRPr="00715B64">
        <w:rPr>
          <w:b/>
          <w:bCs/>
          <w:sz w:val="28"/>
          <w:szCs w:val="28"/>
        </w:rPr>
        <w:t>Bước chuẩn bị:</w:t>
      </w:r>
    </w:p>
    <w:p w14:paraId="00D13F37" w14:textId="74875A18" w:rsidR="006A618A" w:rsidRPr="006A618A" w:rsidRDefault="006A618A" w:rsidP="006A618A">
      <w:pPr>
        <w:pStyle w:val="ListParagraph"/>
        <w:numPr>
          <w:ilvl w:val="0"/>
          <w:numId w:val="3"/>
        </w:numPr>
        <w:spacing w:after="0"/>
        <w:rPr>
          <w:b/>
          <w:bCs/>
        </w:rPr>
      </w:pPr>
      <w:r w:rsidRPr="006A618A">
        <w:rPr>
          <w:b/>
          <w:bCs/>
        </w:rPr>
        <w:t>Chuẩn bị phần mềm:</w:t>
      </w:r>
    </w:p>
    <w:p w14:paraId="2B694059" w14:textId="63E26F35" w:rsidR="0041696C" w:rsidRPr="0041696C" w:rsidRDefault="0041696C" w:rsidP="004E0B0C">
      <w:pPr>
        <w:spacing w:after="0"/>
      </w:pPr>
      <w:r w:rsidRPr="0041696C">
        <w:t>Đảm bảo</w:t>
      </w:r>
      <w:r w:rsidR="00A5163D">
        <w:t xml:space="preserve"> cài đặt </w:t>
      </w:r>
      <w:r w:rsidRPr="0041696C">
        <w:t>SES IDE</w:t>
      </w:r>
      <w:r w:rsidR="006E7A8F">
        <w:t>,</w:t>
      </w:r>
      <w:r w:rsidR="000370F7">
        <w:t xml:space="preserve"> Jlink, </w:t>
      </w:r>
      <w:r w:rsidRPr="0041696C">
        <w:t xml:space="preserve"> </w:t>
      </w:r>
      <w:r>
        <w:t xml:space="preserve">app </w:t>
      </w:r>
      <w:r w:rsidRPr="0041696C">
        <w:t>NRF Connect</w:t>
      </w:r>
      <w:r>
        <w:t xml:space="preserve"> PC</w:t>
      </w:r>
      <w:r w:rsidR="006E7A8F">
        <w:t xml:space="preserve">, </w:t>
      </w:r>
      <w:r w:rsidR="000905D5">
        <w:t>NRF5 SDK 16, softdevice</w:t>
      </w:r>
      <w:r w:rsidR="00DD29B7">
        <w:t>:</w:t>
      </w:r>
      <w:r w:rsidR="000905D5">
        <w:t xml:space="preserve"> s132_nrf52_7.0.1</w:t>
      </w:r>
    </w:p>
    <w:p w14:paraId="16148AEA" w14:textId="3F5BDA06" w:rsidR="001B70B6" w:rsidRDefault="001B70B6" w:rsidP="004E0B0C">
      <w:pPr>
        <w:spacing w:after="0"/>
      </w:pPr>
      <w:r>
        <w:t xml:space="preserve">Tải </w:t>
      </w:r>
      <w:r w:rsidR="0041696C">
        <w:t xml:space="preserve">thêm </w:t>
      </w:r>
      <w:r>
        <w:t>các phần mềm sau:</w:t>
      </w:r>
    </w:p>
    <w:p w14:paraId="0052B9EC" w14:textId="444E1E6A" w:rsidR="001B70B6" w:rsidRPr="0041696C" w:rsidRDefault="001B70B6" w:rsidP="001350D9">
      <w:pPr>
        <w:pStyle w:val="ListParagraph"/>
        <w:numPr>
          <w:ilvl w:val="0"/>
          <w:numId w:val="1"/>
        </w:numPr>
        <w:spacing w:after="0"/>
        <w:rPr>
          <w:b/>
          <w:bCs/>
        </w:rPr>
      </w:pPr>
      <w:r w:rsidRPr="0041696C">
        <w:rPr>
          <w:b/>
          <w:bCs/>
        </w:rPr>
        <w:t>nRF Util</w:t>
      </w:r>
      <w:r w:rsidR="00E5508D">
        <w:rPr>
          <w:b/>
          <w:bCs/>
        </w:rPr>
        <w:t xml:space="preserve"> </w:t>
      </w:r>
      <w:r w:rsidR="00E5508D">
        <w:t>(Bộ công cụ được cài đặt trên môi trường python)</w:t>
      </w:r>
    </w:p>
    <w:p w14:paraId="119FAFED" w14:textId="57CEE5D3" w:rsidR="00E5508D" w:rsidRDefault="0041696C" w:rsidP="00E5508D">
      <w:pPr>
        <w:spacing w:after="0"/>
        <w:ind w:firstLine="360"/>
      </w:pPr>
      <w:r>
        <w:t xml:space="preserve">+ </w:t>
      </w:r>
      <w:r w:rsidR="00C95426">
        <w:t>Cài đặt python:</w:t>
      </w:r>
      <w:r w:rsidRPr="0041696C">
        <w:t xml:space="preserve"> </w:t>
      </w:r>
      <w:r>
        <w:t xml:space="preserve"> nên tải bản python38 hoặc python37 vì </w:t>
      </w:r>
      <w:r w:rsidR="00C95426">
        <w:t>python39 dễ gặp lỗi</w:t>
      </w:r>
      <w:r w:rsidR="00634CBD">
        <w:t>,</w:t>
      </w:r>
      <w:r w:rsidR="00D73F20">
        <w:t xml:space="preserve"> </w:t>
      </w:r>
      <w:r w:rsidR="00E5508D">
        <w:t xml:space="preserve"> nRF Util không hỗ trợ python2. Link tải python 3.8.10 bên dưới.</w:t>
      </w:r>
    </w:p>
    <w:p w14:paraId="7A174D9B" w14:textId="0CA37C66" w:rsidR="00C95426" w:rsidRDefault="00186583" w:rsidP="00E5508D">
      <w:pPr>
        <w:spacing w:after="0"/>
      </w:pPr>
      <w:hyperlink r:id="rId5" w:anchor=":~:text=Windows%20installer%20(64-bit)" w:history="1">
        <w:r w:rsidR="00E5508D" w:rsidRPr="0059251A">
          <w:rPr>
            <w:rStyle w:val="Hyperlink"/>
          </w:rPr>
          <w:t>https://www.python.org/downloads/release/python-3810/#:~:text=Windows%20installer%20(64-bit)</w:t>
        </w:r>
      </w:hyperlink>
      <w:r w:rsidR="00E5508D">
        <w:t xml:space="preserve"> </w:t>
      </w:r>
    </w:p>
    <w:p w14:paraId="1410A16D" w14:textId="3F6A0615" w:rsidR="0065085A" w:rsidRDefault="0041696C" w:rsidP="00B33EAC">
      <w:pPr>
        <w:spacing w:after="0" w:line="240" w:lineRule="auto"/>
        <w:ind w:firstLine="360"/>
      </w:pPr>
      <w:r>
        <w:t xml:space="preserve">+ Khi đang cài đặt </w:t>
      </w:r>
      <w:r w:rsidR="00C56517">
        <w:t xml:space="preserve">python </w:t>
      </w:r>
      <w:r>
        <w:t>chọn mục “Add path to environment variable”.</w:t>
      </w:r>
    </w:p>
    <w:p w14:paraId="390D5FC6" w14:textId="2229F18E" w:rsidR="000905D5" w:rsidRDefault="000905D5" w:rsidP="0041696C">
      <w:pPr>
        <w:spacing w:after="0" w:line="240" w:lineRule="auto"/>
        <w:ind w:firstLine="360"/>
      </w:pPr>
      <w:r>
        <w:t xml:space="preserve">+ </w:t>
      </w:r>
      <w:r w:rsidR="003315F9">
        <w:t>Sau khi python cài đặt xong thì c</w:t>
      </w:r>
      <w:r w:rsidR="00E5508D">
        <w:t xml:space="preserve">ập nhật </w:t>
      </w:r>
      <w:r>
        <w:t>pip</w:t>
      </w:r>
      <w:r w:rsidR="00E5508D">
        <w:t xml:space="preserve">, vào Command Prompt: </w:t>
      </w:r>
      <w:r w:rsidR="00E5508D" w:rsidRPr="00E5508D">
        <w:rPr>
          <w:color w:val="FF0000"/>
        </w:rPr>
        <w:t>pip install –upgrade pip</w:t>
      </w:r>
    </w:p>
    <w:p w14:paraId="7D330C70" w14:textId="1956169B" w:rsidR="0041696C" w:rsidRDefault="0041696C" w:rsidP="00D73F20">
      <w:pPr>
        <w:spacing w:after="0"/>
        <w:ind w:firstLine="360"/>
        <w:rPr>
          <w:color w:val="FF0000"/>
        </w:rPr>
      </w:pPr>
      <w:r>
        <w:t xml:space="preserve">+ </w:t>
      </w:r>
      <w:r w:rsidR="00E5508D">
        <w:t>Cài đặt nRF Util</w:t>
      </w:r>
      <w:r>
        <w:t xml:space="preserve">: </w:t>
      </w:r>
      <w:r w:rsidRPr="0041696C">
        <w:rPr>
          <w:color w:val="FF0000"/>
        </w:rPr>
        <w:t>pip install nrfutil</w:t>
      </w:r>
    </w:p>
    <w:p w14:paraId="16AE0A48" w14:textId="77777777" w:rsidR="00A11677" w:rsidRPr="00D73F20" w:rsidRDefault="00A11677" w:rsidP="00D73F20">
      <w:pPr>
        <w:spacing w:after="0"/>
        <w:ind w:firstLine="360"/>
        <w:rPr>
          <w:color w:val="FF0000"/>
        </w:rPr>
      </w:pPr>
    </w:p>
    <w:p w14:paraId="13B3E3D9" w14:textId="5EF2E9FE" w:rsidR="001B70B6" w:rsidRDefault="001B70B6" w:rsidP="001350D9">
      <w:pPr>
        <w:pStyle w:val="ListParagraph"/>
        <w:numPr>
          <w:ilvl w:val="0"/>
          <w:numId w:val="1"/>
        </w:numPr>
        <w:spacing w:after="0" w:line="240" w:lineRule="auto"/>
      </w:pPr>
      <w:r w:rsidRPr="0041696C">
        <w:rPr>
          <w:b/>
          <w:bCs/>
        </w:rPr>
        <w:t>GCC for ARM toolchain:</w:t>
      </w:r>
      <w:r>
        <w:t xml:space="preserve"> </w:t>
      </w:r>
      <w:r w:rsidR="009769F4" w:rsidRPr="009769F4">
        <w:t>gcc-arm-none-eabi-7-2018-q2-update-win32-sha1.exe</w:t>
      </w:r>
      <w:r w:rsidR="009769F4">
        <w:t xml:space="preserve"> (83 MB)</w:t>
      </w:r>
    </w:p>
    <w:p w14:paraId="7738A6C3" w14:textId="69BB3835" w:rsidR="001B70B6" w:rsidRDefault="00186583" w:rsidP="001B70B6">
      <w:pPr>
        <w:spacing w:after="0" w:line="240" w:lineRule="auto"/>
      </w:pPr>
      <w:hyperlink r:id="rId6" w:anchor=":~:text=File%3A%20gcc-arm-none-eabi-7-2018-q2-update-win32-sha1.exe" w:history="1">
        <w:r w:rsidR="000370F7" w:rsidRPr="0059251A">
          <w:rPr>
            <w:rStyle w:val="Hyperlink"/>
          </w:rPr>
          <w:t>https://developer.arm.com/tools-and-software/open-source-software/developer-tools/gnu-toolchain/gnu-rm/downloads/7-2018-q2-update#:~:text=File%3A%20gcc-arm-none-eabi-7-2018-q2-update-win32-sha1.exe</w:t>
        </w:r>
      </w:hyperlink>
      <w:r w:rsidR="000370F7">
        <w:t xml:space="preserve"> </w:t>
      </w:r>
    </w:p>
    <w:p w14:paraId="649CE85F" w14:textId="31FDEDD3" w:rsidR="00582C3B" w:rsidRDefault="00582C3B" w:rsidP="001B70B6">
      <w:pPr>
        <w:spacing w:after="0" w:line="240" w:lineRule="auto"/>
      </w:pPr>
      <w:r>
        <w:t>Khi đang cài đặt chọn mục “Add path to environment variable”</w:t>
      </w:r>
    </w:p>
    <w:p w14:paraId="5095D39B" w14:textId="77777777" w:rsidR="0041696C" w:rsidRDefault="0041696C" w:rsidP="001B70B6">
      <w:pPr>
        <w:spacing w:after="0" w:line="240" w:lineRule="auto"/>
      </w:pPr>
    </w:p>
    <w:p w14:paraId="0C83046F" w14:textId="11A20E37" w:rsidR="00582C3B" w:rsidRDefault="00582C3B" w:rsidP="00582C3B">
      <w:pPr>
        <w:pStyle w:val="ListParagraph"/>
        <w:numPr>
          <w:ilvl w:val="0"/>
          <w:numId w:val="1"/>
        </w:numPr>
        <w:spacing w:after="0" w:line="240" w:lineRule="auto"/>
        <w:rPr>
          <w:b/>
          <w:bCs/>
        </w:rPr>
      </w:pPr>
      <w:r w:rsidRPr="0041696C">
        <w:rPr>
          <w:b/>
          <w:bCs/>
        </w:rPr>
        <w:t xml:space="preserve">GNU </w:t>
      </w:r>
      <w:r w:rsidR="00744698">
        <w:rPr>
          <w:b/>
          <w:bCs/>
        </w:rPr>
        <w:t xml:space="preserve">make </w:t>
      </w:r>
      <w:r w:rsidR="00744698" w:rsidRPr="00744698">
        <w:rPr>
          <w:b/>
          <w:bCs/>
        </w:rPr>
        <w:t>for windows</w:t>
      </w:r>
      <w:r w:rsidR="009D3708">
        <w:rPr>
          <w:b/>
          <w:bCs/>
        </w:rPr>
        <w:t xml:space="preserve">: </w:t>
      </w:r>
      <w:r w:rsidR="0061626C" w:rsidRPr="0061626C">
        <w:t>make-3.81.exe</w:t>
      </w:r>
      <w:r w:rsidR="00E5508D">
        <w:t xml:space="preserve"> (3.4 MB)</w:t>
      </w:r>
    </w:p>
    <w:p w14:paraId="0C8806B9" w14:textId="22477184" w:rsidR="009D3708" w:rsidRDefault="00715B64" w:rsidP="009D3708">
      <w:pPr>
        <w:spacing w:after="0" w:line="240" w:lineRule="auto"/>
      </w:pPr>
      <w:r>
        <w:t xml:space="preserve">Link tải: </w:t>
      </w:r>
      <w:r w:rsidR="009D3708">
        <w:t xml:space="preserve">( </w:t>
      </w:r>
      <w:hyperlink r:id="rId7" w:history="1">
        <w:r w:rsidR="0061626C" w:rsidRPr="00D121AA">
          <w:rPr>
            <w:rStyle w:val="Hyperlink"/>
          </w:rPr>
          <w:t>https://sourceforge.net/projects/gnuwin32/files/make/3.81/</w:t>
        </w:r>
      </w:hyperlink>
      <w:r w:rsidR="0061626C">
        <w:t xml:space="preserve"> )</w:t>
      </w:r>
    </w:p>
    <w:p w14:paraId="3E00E097" w14:textId="2A5790B2" w:rsidR="00715B64" w:rsidRPr="009D3708" w:rsidRDefault="00715B64" w:rsidP="009D3708">
      <w:pPr>
        <w:spacing w:after="0" w:line="240" w:lineRule="auto"/>
      </w:pPr>
      <w:r>
        <w:t xml:space="preserve">Link dự phòng: </w:t>
      </w:r>
      <w:hyperlink r:id="rId8" w:history="1">
        <w:r w:rsidRPr="0059251A">
          <w:rPr>
            <w:rStyle w:val="Hyperlink"/>
          </w:rPr>
          <w:t>https://github.com/CarlosSiles67/Make_3.81</w:t>
        </w:r>
      </w:hyperlink>
      <w:r>
        <w:t xml:space="preserve"> </w:t>
      </w:r>
    </w:p>
    <w:p w14:paraId="021B487B" w14:textId="77777777" w:rsidR="006A618A" w:rsidRDefault="006A618A" w:rsidP="001B70B6">
      <w:pPr>
        <w:spacing w:after="0" w:line="240" w:lineRule="auto"/>
      </w:pPr>
    </w:p>
    <w:p w14:paraId="56B4FD13" w14:textId="36E95F68" w:rsidR="00565D6C" w:rsidRDefault="00B33EAC" w:rsidP="00565D6C">
      <w:pPr>
        <w:spacing w:after="0" w:line="240" w:lineRule="auto"/>
      </w:pPr>
      <w:r>
        <w:t xml:space="preserve">Vào </w:t>
      </w:r>
      <w:r w:rsidR="00565D6C">
        <w:t xml:space="preserve"> “PATH environment variable” của User</w:t>
      </w:r>
      <w:r>
        <w:t>(1),(2)</w:t>
      </w:r>
      <w:r w:rsidR="00565D6C">
        <w:t>:</w:t>
      </w:r>
    </w:p>
    <w:p w14:paraId="66247A73" w14:textId="7C26C5A9" w:rsidR="00B33EAC" w:rsidRDefault="00B33EAC" w:rsidP="00565D6C">
      <w:pPr>
        <w:spacing w:after="0" w:line="240" w:lineRule="auto"/>
      </w:pPr>
      <w:r>
        <w:t>Kiểm tra đường dẫn (3):</w:t>
      </w:r>
    </w:p>
    <w:p w14:paraId="1D14BD6E" w14:textId="7679EEEF" w:rsidR="00B33EAC" w:rsidRDefault="00565D6C" w:rsidP="00565D6C">
      <w:pPr>
        <w:spacing w:after="0" w:line="240" w:lineRule="auto"/>
        <w:rPr>
          <w:i/>
          <w:iCs/>
        </w:rPr>
      </w:pPr>
      <w:r w:rsidRPr="00ED3340">
        <w:rPr>
          <w:i/>
          <w:iCs/>
        </w:rPr>
        <w:t>C:\Program Files (x86)\GNU Tools Arm Embedded\7 2018-q2-update\bin</w:t>
      </w:r>
    </w:p>
    <w:p w14:paraId="75CD20F4" w14:textId="3D619EAE" w:rsidR="00B33EAC" w:rsidRPr="00B33EAC" w:rsidRDefault="00B33EAC" w:rsidP="00565D6C">
      <w:pPr>
        <w:spacing w:after="0" w:line="240" w:lineRule="auto"/>
      </w:pPr>
      <w:r>
        <w:t>Thêm đường dẫn(4):</w:t>
      </w:r>
    </w:p>
    <w:p w14:paraId="3C6B7FD5" w14:textId="77777777" w:rsidR="00565D6C" w:rsidRDefault="00565D6C" w:rsidP="00565D6C">
      <w:pPr>
        <w:spacing w:after="0" w:line="240" w:lineRule="auto"/>
        <w:rPr>
          <w:i/>
          <w:iCs/>
        </w:rPr>
      </w:pPr>
      <w:r w:rsidRPr="00ED3340">
        <w:rPr>
          <w:i/>
          <w:iCs/>
        </w:rPr>
        <w:t>C:\Program Files (x86)\GnuWin32\bin</w:t>
      </w:r>
    </w:p>
    <w:p w14:paraId="2AEC1E9B" w14:textId="77777777" w:rsidR="00565D6C" w:rsidRDefault="00565D6C" w:rsidP="00565D6C">
      <w:pPr>
        <w:spacing w:after="0" w:line="240" w:lineRule="auto"/>
      </w:pPr>
      <w:r>
        <w:drawing>
          <wp:inline distT="0" distB="0" distL="0" distR="0" wp14:anchorId="3A05A89A" wp14:editId="0621E3BB">
            <wp:extent cx="4201064" cy="2729618"/>
            <wp:effectExtent l="0" t="0" r="0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Picture 20"/>
                    <pic:cNvPicPr/>
                  </pic:nvPicPr>
                  <pic:blipFill rotWithShape="1"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-1" r="19581" b="7055"/>
                    <a:stretch/>
                  </pic:blipFill>
                  <pic:spPr bwMode="auto">
                    <a:xfrm>
                      <a:off x="0" y="0"/>
                      <a:ext cx="4220404" cy="2742184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3F5EFC66" w14:textId="78589214" w:rsidR="00565D6C" w:rsidRDefault="00565D6C" w:rsidP="00565D6C">
      <w:pPr>
        <w:spacing w:after="0" w:line="240" w:lineRule="auto"/>
      </w:pPr>
    </w:p>
    <w:p w14:paraId="78E8F289" w14:textId="1BAD79EB" w:rsidR="00565D6C" w:rsidRDefault="00565D6C" w:rsidP="00565D6C">
      <w:pPr>
        <w:spacing w:after="0" w:line="240" w:lineRule="auto"/>
      </w:pPr>
    </w:p>
    <w:p w14:paraId="5F5715BC" w14:textId="73DBE9A9" w:rsidR="00C15E5D" w:rsidRPr="00C15E5D" w:rsidRDefault="00C15E5D" w:rsidP="00C15E5D">
      <w:pPr>
        <w:pStyle w:val="ListParagraph"/>
        <w:numPr>
          <w:ilvl w:val="0"/>
          <w:numId w:val="1"/>
        </w:numPr>
        <w:spacing w:after="0" w:line="240" w:lineRule="auto"/>
        <w:rPr>
          <w:b/>
          <w:bCs/>
        </w:rPr>
      </w:pPr>
      <w:r w:rsidRPr="00C15E5D">
        <w:rPr>
          <w:b/>
          <w:bCs/>
        </w:rPr>
        <w:t>Thư viện micro-ecc</w:t>
      </w:r>
    </w:p>
    <w:p w14:paraId="49B59CD9" w14:textId="02D4709D" w:rsidR="00565D6C" w:rsidRDefault="00C15E5D" w:rsidP="00565D6C">
      <w:pPr>
        <w:spacing w:after="0" w:line="240" w:lineRule="auto"/>
      </w:pPr>
      <w:r>
        <w:t>D</w:t>
      </w:r>
      <w:r w:rsidR="00565D6C">
        <w:t xml:space="preserve">ownload tập thư viện </w:t>
      </w:r>
      <w:r w:rsidR="00565D6C" w:rsidRPr="00D4202B">
        <w:t>micro-ecc</w:t>
      </w:r>
      <w:r w:rsidR="00565D6C">
        <w:t xml:space="preserve"> (</w:t>
      </w:r>
      <w:hyperlink r:id="rId10" w:history="1">
        <w:r w:rsidR="00565D6C" w:rsidRPr="00075650">
          <w:rPr>
            <w:rStyle w:val="Hyperlink"/>
          </w:rPr>
          <w:t>https://github.com/kmackay/micro-ecc</w:t>
        </w:r>
      </w:hyperlink>
      <w:r w:rsidR="00565D6C">
        <w:t xml:space="preserve">) </w:t>
      </w:r>
    </w:p>
    <w:p w14:paraId="3C4D97E9" w14:textId="2AF0E259" w:rsidR="00C15E5D" w:rsidRDefault="00C15E5D" w:rsidP="00565D6C">
      <w:pPr>
        <w:spacing w:after="0" w:line="240" w:lineRule="auto"/>
      </w:pPr>
      <w:r>
        <w:drawing>
          <wp:inline distT="0" distB="0" distL="0" distR="0" wp14:anchorId="430A62E3" wp14:editId="360B5FDD">
            <wp:extent cx="3467819" cy="1624243"/>
            <wp:effectExtent l="0" t="0" r="0" b="0"/>
            <wp:docPr id="36" name="Picture 3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3509849" cy="16439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6282EDB" w14:textId="09763B15" w:rsidR="00C15E5D" w:rsidRDefault="00C15E5D" w:rsidP="00565D6C">
      <w:pPr>
        <w:spacing w:after="0" w:line="240" w:lineRule="auto"/>
      </w:pPr>
    </w:p>
    <w:p w14:paraId="31F0D1AE" w14:textId="0E396BE6" w:rsidR="00C15E5D" w:rsidRDefault="00C15E5D" w:rsidP="00565D6C">
      <w:pPr>
        <w:spacing w:after="0" w:line="240" w:lineRule="auto"/>
      </w:pPr>
      <w:r>
        <w:t>File zip tải về đặt trong thư mục</w:t>
      </w:r>
      <w:r w:rsidRPr="00C15E5D">
        <w:t xml:space="preserve"> </w:t>
      </w:r>
      <w:r w:rsidRPr="00D4202B">
        <w:t>D:\sdk_v16\external\micro-ecc\</w:t>
      </w:r>
    </w:p>
    <w:p w14:paraId="54D5557A" w14:textId="27E1A6D9" w:rsidR="00C15E5D" w:rsidRDefault="00C15E5D" w:rsidP="00565D6C">
      <w:pPr>
        <w:spacing w:after="0" w:line="240" w:lineRule="auto"/>
      </w:pPr>
      <w:r>
        <w:drawing>
          <wp:inline distT="0" distB="0" distL="0" distR="0" wp14:anchorId="06482A52" wp14:editId="4F94C614">
            <wp:extent cx="4054415" cy="1390024"/>
            <wp:effectExtent l="0" t="0" r="3810" b="635"/>
            <wp:docPr id="38" name="Picture 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083729" cy="140007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6CA9BF7" w14:textId="77777777" w:rsidR="003272FB" w:rsidRDefault="003272FB" w:rsidP="00565D6C">
      <w:pPr>
        <w:spacing w:after="0" w:line="240" w:lineRule="auto"/>
      </w:pPr>
    </w:p>
    <w:p w14:paraId="44D4FB18" w14:textId="40DA13A8" w:rsidR="00C15E5D" w:rsidRDefault="00C15E5D" w:rsidP="00565D6C">
      <w:pPr>
        <w:spacing w:after="0" w:line="240" w:lineRule="auto"/>
      </w:pPr>
      <w:r>
        <w:t xml:space="preserve">Giải nén file zip sẽ được 1 folder tên </w:t>
      </w:r>
      <w:r w:rsidR="003272FB">
        <w:t>micro-ecc-master</w:t>
      </w:r>
    </w:p>
    <w:p w14:paraId="02C47362" w14:textId="7B335EBF" w:rsidR="003272FB" w:rsidRDefault="003272FB" w:rsidP="00565D6C">
      <w:pPr>
        <w:spacing w:after="0" w:line="240" w:lineRule="auto"/>
      </w:pPr>
      <w:r>
        <w:drawing>
          <wp:inline distT="0" distB="0" distL="0" distR="0" wp14:anchorId="3339752A" wp14:editId="7C260EA3">
            <wp:extent cx="4067175" cy="2199102"/>
            <wp:effectExtent l="0" t="0" r="0" b="0"/>
            <wp:docPr id="39" name="Picture 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3"/>
                    <a:srcRect r="10233"/>
                    <a:stretch/>
                  </pic:blipFill>
                  <pic:spPr bwMode="auto">
                    <a:xfrm>
                      <a:off x="0" y="0"/>
                      <a:ext cx="4111224" cy="2222919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7CC6D133" w14:textId="77777777" w:rsidR="003272FB" w:rsidRDefault="003272FB" w:rsidP="00565D6C">
      <w:pPr>
        <w:spacing w:after="0" w:line="240" w:lineRule="auto"/>
      </w:pPr>
    </w:p>
    <w:p w14:paraId="0DD7DFFB" w14:textId="1F7C26B7" w:rsidR="00565D6C" w:rsidRDefault="003272FB" w:rsidP="00565D6C">
      <w:pPr>
        <w:spacing w:after="0" w:line="240" w:lineRule="auto"/>
      </w:pPr>
      <w:r>
        <w:t>Đổi tên folder</w:t>
      </w:r>
      <w:r w:rsidR="00565D6C">
        <w:t xml:space="preserve"> micro-ecc</w:t>
      </w:r>
      <w:r>
        <w:t>-master =&gt; micro-ecc</w:t>
      </w:r>
    </w:p>
    <w:p w14:paraId="704D6372" w14:textId="1B587B0F" w:rsidR="00565D6C" w:rsidRDefault="003272FB" w:rsidP="00565D6C">
      <w:pPr>
        <w:spacing w:after="0" w:line="240" w:lineRule="auto"/>
      </w:pPr>
      <w:r>
        <w:drawing>
          <wp:inline distT="0" distB="0" distL="0" distR="0" wp14:anchorId="2C75B914" wp14:editId="2898595E">
            <wp:extent cx="5486400" cy="967154"/>
            <wp:effectExtent l="0" t="0" r="0" b="4445"/>
            <wp:docPr id="41" name="Picture 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504423" cy="97033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5E646DE" w14:textId="77777777" w:rsidR="003272FB" w:rsidRDefault="003272FB" w:rsidP="00565D6C">
      <w:pPr>
        <w:spacing w:after="0" w:line="240" w:lineRule="auto"/>
        <w:rPr>
          <w:b/>
          <w:bCs/>
        </w:rPr>
      </w:pPr>
    </w:p>
    <w:p w14:paraId="071AF414" w14:textId="77777777" w:rsidR="0036571E" w:rsidRDefault="0036571E">
      <w:pPr>
        <w:rPr>
          <w:b/>
          <w:bCs/>
        </w:rPr>
      </w:pPr>
      <w:r>
        <w:rPr>
          <w:b/>
          <w:bCs/>
        </w:rPr>
        <w:br w:type="page"/>
      </w:r>
    </w:p>
    <w:p w14:paraId="63ED0C17" w14:textId="5B0C6F69" w:rsidR="00565D6C" w:rsidRPr="007B505A" w:rsidRDefault="003272FB" w:rsidP="003272FB">
      <w:pPr>
        <w:pStyle w:val="ListParagraph"/>
        <w:numPr>
          <w:ilvl w:val="0"/>
          <w:numId w:val="1"/>
        </w:numPr>
        <w:spacing w:after="0" w:line="240" w:lineRule="auto"/>
      </w:pPr>
      <w:r w:rsidRPr="003272FB">
        <w:rPr>
          <w:b/>
          <w:bCs/>
        </w:rPr>
        <w:lastRenderedPageBreak/>
        <w:t>Build</w:t>
      </w:r>
      <w:r w:rsidR="00565D6C" w:rsidRPr="003272FB">
        <w:rPr>
          <w:b/>
          <w:bCs/>
        </w:rPr>
        <w:t xml:space="preserve"> file </w:t>
      </w:r>
      <w:r w:rsidR="00565D6C" w:rsidRPr="003272FB">
        <w:rPr>
          <w:b/>
          <w:bCs/>
          <w:i/>
          <w:iCs/>
        </w:rPr>
        <w:t xml:space="preserve">micro_ecc_lib_nrf52.a </w:t>
      </w:r>
      <w:r w:rsidR="00565D6C" w:rsidRPr="003272FB">
        <w:rPr>
          <w:b/>
          <w:bCs/>
        </w:rPr>
        <w:t>:</w:t>
      </w:r>
    </w:p>
    <w:p w14:paraId="17F5BBFA" w14:textId="77777777" w:rsidR="00565D6C" w:rsidRDefault="00565D6C" w:rsidP="00565D6C">
      <w:pPr>
        <w:spacing w:after="0" w:line="240" w:lineRule="auto"/>
      </w:pPr>
      <w:r>
        <w:t xml:space="preserve">Chạy file </w:t>
      </w:r>
      <w:r w:rsidRPr="00D4202B">
        <w:t>"D:\sdk_v16\external\micro-ecc\build_all.bat"</w:t>
      </w:r>
    </w:p>
    <w:p w14:paraId="493935B2" w14:textId="77777777" w:rsidR="00565D6C" w:rsidRDefault="00565D6C" w:rsidP="00565D6C">
      <w:pPr>
        <w:spacing w:after="0" w:line="240" w:lineRule="auto"/>
      </w:pPr>
      <w:r>
        <w:drawing>
          <wp:inline distT="0" distB="0" distL="0" distR="0" wp14:anchorId="46C33BDC" wp14:editId="4ADC3CB7">
            <wp:extent cx="4118458" cy="1821815"/>
            <wp:effectExtent l="0" t="0" r="0" b="6985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 rotWithShape="1"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2436" t="17055" r="19504" b="37260"/>
                    <a:stretch/>
                  </pic:blipFill>
                  <pic:spPr bwMode="auto">
                    <a:xfrm>
                      <a:off x="0" y="0"/>
                      <a:ext cx="4123868" cy="182420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32CDB945" w14:textId="77777777" w:rsidR="00565D6C" w:rsidRDefault="00565D6C" w:rsidP="00565D6C">
      <w:pPr>
        <w:spacing w:after="0" w:line="240" w:lineRule="auto"/>
      </w:pPr>
      <w:r>
        <w:t>Tập thư viện micro-ecc (1) và file Batch “build_all” (2)</w:t>
      </w:r>
    </w:p>
    <w:p w14:paraId="19494A1C" w14:textId="77777777" w:rsidR="00565D6C" w:rsidRDefault="00565D6C" w:rsidP="00565D6C">
      <w:pPr>
        <w:spacing w:after="0" w:line="240" w:lineRule="auto"/>
      </w:pPr>
    </w:p>
    <w:p w14:paraId="2BACD6EF" w14:textId="77777777" w:rsidR="00565D6C" w:rsidRDefault="00565D6C" w:rsidP="00565D6C">
      <w:pPr>
        <w:spacing w:after="0" w:line="240" w:lineRule="auto"/>
        <w:rPr>
          <w:i/>
          <w:iCs/>
        </w:rPr>
      </w:pPr>
      <w:r>
        <w:t xml:space="preserve">Sau khi nhấn build_all sẽ có 1 màn hình terminal hiện ra quá trình tạo các file </w:t>
      </w:r>
      <w:r w:rsidRPr="005E6D84">
        <w:rPr>
          <w:i/>
          <w:iCs/>
        </w:rPr>
        <w:t>micro_ecc_lib_nrf52.a</w:t>
      </w:r>
    </w:p>
    <w:p w14:paraId="20BE6299" w14:textId="77777777" w:rsidR="00565D6C" w:rsidRDefault="00565D6C" w:rsidP="00565D6C">
      <w:pPr>
        <w:spacing w:after="0" w:line="240" w:lineRule="auto"/>
      </w:pPr>
      <w:r>
        <w:drawing>
          <wp:inline distT="0" distB="0" distL="0" distR="0" wp14:anchorId="7E12117E" wp14:editId="163606E3">
            <wp:extent cx="4828032" cy="2369820"/>
            <wp:effectExtent l="0" t="0" r="0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 rotWithShape="1"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7885" r="18757" b="21156"/>
                    <a:stretch/>
                  </pic:blipFill>
                  <pic:spPr bwMode="auto">
                    <a:xfrm>
                      <a:off x="0" y="0"/>
                      <a:ext cx="4828745" cy="23701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2D93DE8" w14:textId="77777777" w:rsidR="00565D6C" w:rsidRDefault="00565D6C" w:rsidP="00565D6C"/>
    <w:p w14:paraId="2328BB35" w14:textId="307729C7" w:rsidR="00565D6C" w:rsidRPr="00F85D34" w:rsidRDefault="00C15E5D" w:rsidP="00565D6C">
      <w:r>
        <w:t>Sau khi build_all xong</w:t>
      </w:r>
      <w:r w:rsidR="003272FB">
        <w:t>,</w:t>
      </w:r>
      <w:r w:rsidR="00565D6C">
        <w:t xml:space="preserve"> đường dẫn </w:t>
      </w:r>
      <w:r w:rsidR="00565D6C" w:rsidRPr="00C15E5D">
        <w:t xml:space="preserve">D:\sdk_v16\external\micro-ecc\nrf52hf_armgcc\armgcc </w:t>
      </w:r>
      <w:r w:rsidR="00565D6C">
        <w:t xml:space="preserve">đã có file </w:t>
      </w:r>
      <w:r w:rsidR="00565D6C" w:rsidRPr="005E6D84">
        <w:rPr>
          <w:i/>
          <w:iCs/>
        </w:rPr>
        <w:t>micro_ecc_lib_nrf52.a</w:t>
      </w:r>
      <w:r w:rsidR="00565D6C">
        <w:rPr>
          <w:i/>
          <w:iCs/>
        </w:rPr>
        <w:t xml:space="preserve"> </w:t>
      </w:r>
    </w:p>
    <w:p w14:paraId="6CA2B67E" w14:textId="13F9F4F9" w:rsidR="00565D6C" w:rsidRDefault="00565D6C" w:rsidP="00565D6C">
      <w:r>
        <w:drawing>
          <wp:inline distT="0" distB="0" distL="0" distR="0" wp14:anchorId="31B2EC89" wp14:editId="382914D8">
            <wp:extent cx="5943600" cy="1338580"/>
            <wp:effectExtent l="0" t="0" r="0" b="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3385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737C095" w14:textId="30E402F3" w:rsidR="00244F3A" w:rsidRDefault="00244F3A" w:rsidP="00565D6C"/>
    <w:p w14:paraId="3651F0A1" w14:textId="00892DDA" w:rsidR="00244F3A" w:rsidRDefault="00244F3A" w:rsidP="00565D6C"/>
    <w:p w14:paraId="29B0C41C" w14:textId="7D603DB0" w:rsidR="00244F3A" w:rsidRDefault="00244F3A" w:rsidP="00565D6C"/>
    <w:p w14:paraId="702B7445" w14:textId="1EDC2ACF" w:rsidR="00244F3A" w:rsidRPr="005813C6" w:rsidRDefault="00244F3A" w:rsidP="005813C6">
      <w:pPr>
        <w:pStyle w:val="ListParagraph"/>
        <w:numPr>
          <w:ilvl w:val="0"/>
          <w:numId w:val="1"/>
        </w:numPr>
        <w:rPr>
          <w:b/>
          <w:bCs/>
        </w:rPr>
      </w:pPr>
      <w:r w:rsidRPr="005813C6">
        <w:rPr>
          <w:b/>
          <w:bCs/>
        </w:rPr>
        <w:lastRenderedPageBreak/>
        <w:t>Build</w:t>
      </w:r>
      <w:r w:rsidR="00186583">
        <w:rPr>
          <w:b/>
          <w:bCs/>
        </w:rPr>
        <w:t xml:space="preserve"> code</w:t>
      </w:r>
      <w:r w:rsidRPr="005813C6">
        <w:rPr>
          <w:b/>
          <w:bCs/>
        </w:rPr>
        <w:t xml:space="preserve"> project </w:t>
      </w:r>
      <w:r w:rsidR="0036571E" w:rsidRPr="0036571E">
        <w:rPr>
          <w:b/>
          <w:bCs/>
        </w:rPr>
        <w:t>BLE_RFID_READER</w:t>
      </w:r>
    </w:p>
    <w:p w14:paraId="7C282A71" w14:textId="6D9D5E23" w:rsidR="00B70F7D" w:rsidRDefault="00B70F7D" w:rsidP="00565D6C">
      <w:r>
        <w:t>Truy cập</w:t>
      </w:r>
      <w:r w:rsidR="005813C6">
        <w:t>:</w:t>
      </w:r>
    </w:p>
    <w:p w14:paraId="29B9A335" w14:textId="519A1FC0" w:rsidR="00B70F7D" w:rsidRDefault="00B70F7D" w:rsidP="00565D6C">
      <w:r w:rsidRPr="00B70F7D">
        <w:t>D:\sdk_v16\examples\ble_peripheral\2021.MM.DD-BLE_RFID_READER_REV2.1\pca10040\s132\ses</w:t>
      </w:r>
    </w:p>
    <w:p w14:paraId="20C0E0CB" w14:textId="59EDCBF1" w:rsidR="00B70F7D" w:rsidRDefault="00B70F7D" w:rsidP="00565D6C">
      <w:r>
        <w:drawing>
          <wp:inline distT="0" distB="0" distL="0" distR="0" wp14:anchorId="22F87500" wp14:editId="47BCAD21">
            <wp:extent cx="5943600" cy="1265275"/>
            <wp:effectExtent l="0" t="0" r="0" b="0"/>
            <wp:docPr id="46" name="Picture 4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8"/>
                    <a:srcRect b="15246"/>
                    <a:stretch/>
                  </pic:blipFill>
                  <pic:spPr bwMode="auto">
                    <a:xfrm>
                      <a:off x="0" y="0"/>
                      <a:ext cx="5943600" cy="126527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12B5B26C" w14:textId="0243DBC9" w:rsidR="00B70F7D" w:rsidRDefault="00B70F7D" w:rsidP="00565D6C"/>
    <w:p w14:paraId="005365B2" w14:textId="6A9B44B5" w:rsidR="00B70F7D" w:rsidRDefault="00B70F7D" w:rsidP="00565D6C">
      <w:r>
        <w:t>Build project</w:t>
      </w:r>
    </w:p>
    <w:p w14:paraId="793E72AE" w14:textId="05165464" w:rsidR="00B70F7D" w:rsidRDefault="00B70F7D" w:rsidP="00565D6C">
      <w:r>
        <w:drawing>
          <wp:inline distT="0" distB="0" distL="0" distR="0" wp14:anchorId="58248F23" wp14:editId="7276A5F5">
            <wp:extent cx="5486400" cy="1418057"/>
            <wp:effectExtent l="0" t="0" r="0" b="0"/>
            <wp:docPr id="45" name="Picture 4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 rotWithShape="1"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40244" b="72521"/>
                    <a:stretch/>
                  </pic:blipFill>
                  <pic:spPr bwMode="auto">
                    <a:xfrm>
                      <a:off x="0" y="0"/>
                      <a:ext cx="5518313" cy="14263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4B02F4F" w14:textId="01646CA6" w:rsidR="005813C6" w:rsidRDefault="005813C6" w:rsidP="00565D6C">
      <w:r>
        <w:t>Output khi build xong</w:t>
      </w:r>
    </w:p>
    <w:p w14:paraId="2E9D7E2D" w14:textId="66C27ADD" w:rsidR="005813C6" w:rsidRDefault="005813C6" w:rsidP="00565D6C">
      <w:r>
        <w:drawing>
          <wp:inline distT="0" distB="0" distL="0" distR="0" wp14:anchorId="4DF06B3E" wp14:editId="35078BEB">
            <wp:extent cx="5943600" cy="1412240"/>
            <wp:effectExtent l="0" t="0" r="0" b="0"/>
            <wp:docPr id="47" name="Picture 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4122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92AE17E" w14:textId="062E9328" w:rsidR="00565D6C" w:rsidRDefault="00565D6C" w:rsidP="00565D6C"/>
    <w:p w14:paraId="7231B8AB" w14:textId="788663F1" w:rsidR="001350D9" w:rsidRDefault="00565D6C" w:rsidP="00565D6C">
      <w:r>
        <w:br w:type="page"/>
      </w:r>
    </w:p>
    <w:p w14:paraId="731FE264" w14:textId="38C7C642" w:rsidR="001350D9" w:rsidRPr="006A618A" w:rsidRDefault="001350D9" w:rsidP="006A618A">
      <w:pPr>
        <w:pStyle w:val="ListParagraph"/>
        <w:numPr>
          <w:ilvl w:val="0"/>
          <w:numId w:val="3"/>
        </w:numPr>
        <w:spacing w:after="0" w:line="240" w:lineRule="auto"/>
        <w:rPr>
          <w:b/>
          <w:bCs/>
        </w:rPr>
      </w:pPr>
      <w:r w:rsidRPr="006A618A">
        <w:rPr>
          <w:b/>
          <w:bCs/>
        </w:rPr>
        <w:lastRenderedPageBreak/>
        <w:t>Chuẩn bị phần cứng:</w:t>
      </w:r>
    </w:p>
    <w:p w14:paraId="0197DCFA" w14:textId="1F919700" w:rsidR="001350D9" w:rsidRDefault="001350D9" w:rsidP="001B70B6">
      <w:pPr>
        <w:spacing w:after="0" w:line="240" w:lineRule="auto"/>
      </w:pPr>
      <w:r>
        <w:t>1 Custom Board</w:t>
      </w:r>
      <w:r w:rsidR="00210F3B">
        <w:t xml:space="preserve"> (</w:t>
      </w:r>
      <w:r w:rsidR="00A407C4">
        <w:t>BLE RFID READER</w:t>
      </w:r>
      <w:r w:rsidR="00210F3B">
        <w:t>)</w:t>
      </w:r>
    </w:p>
    <w:p w14:paraId="509A6F9E" w14:textId="59773BD8" w:rsidR="00A67198" w:rsidRDefault="00A67198" w:rsidP="001B70B6">
      <w:pPr>
        <w:spacing w:after="0" w:line="240" w:lineRule="auto"/>
      </w:pPr>
      <w:r>
        <w:drawing>
          <wp:inline distT="0" distB="0" distL="0" distR="0" wp14:anchorId="4E3FA313" wp14:editId="3011AE5B">
            <wp:extent cx="2156604" cy="1617636"/>
            <wp:effectExtent l="0" t="0" r="0" b="1905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0800000">
                      <a:off x="0" y="0"/>
                      <a:ext cx="2159507" cy="161981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947756" w14:textId="58E5A2DD" w:rsidR="00A67198" w:rsidRDefault="00A67198" w:rsidP="001B70B6">
      <w:pPr>
        <w:spacing w:after="0" w:line="240" w:lineRule="auto"/>
      </w:pPr>
    </w:p>
    <w:p w14:paraId="2B214370" w14:textId="69DAFA75" w:rsidR="001350D9" w:rsidRDefault="001350D9" w:rsidP="001B70B6">
      <w:pPr>
        <w:spacing w:after="0" w:line="240" w:lineRule="auto"/>
      </w:pPr>
      <w:r>
        <w:t xml:space="preserve">1 </w:t>
      </w:r>
      <w:r w:rsidR="00210F3B">
        <w:t>Board NRF52</w:t>
      </w:r>
      <w:r w:rsidR="007C7829">
        <w:t>832 PCA10040</w:t>
      </w:r>
      <w:r w:rsidR="00210F3B">
        <w:t xml:space="preserve"> (</w:t>
      </w:r>
      <w:r w:rsidR="00C15E5D">
        <w:t>mạch</w:t>
      </w:r>
      <w:r w:rsidR="00104DAA">
        <w:t xml:space="preserve"> nạp </w:t>
      </w:r>
      <w:r w:rsidR="009769F4">
        <w:t>Jlink</w:t>
      </w:r>
      <w:r w:rsidR="003F6F6A">
        <w:t xml:space="preserve"> bước </w:t>
      </w:r>
      <w:r w:rsidR="001C36AF">
        <w:t xml:space="preserve">2 </w:t>
      </w:r>
      <w:r w:rsidR="00104DAA">
        <w:t xml:space="preserve">và </w:t>
      </w:r>
      <w:r w:rsidR="00C15E5D">
        <w:t>mạch</w:t>
      </w:r>
      <w:r w:rsidR="00104DAA">
        <w:t xml:space="preserve"> </w:t>
      </w:r>
      <w:r w:rsidR="009769F4">
        <w:t xml:space="preserve">nạp DFU </w:t>
      </w:r>
      <w:r w:rsidR="003F6F6A">
        <w:t>ở bước 4</w:t>
      </w:r>
      <w:r w:rsidR="00210F3B">
        <w:t>)</w:t>
      </w:r>
    </w:p>
    <w:p w14:paraId="37BA561E" w14:textId="7337EBCC" w:rsidR="001B70B6" w:rsidRDefault="00A67198" w:rsidP="00A67198">
      <w:pPr>
        <w:spacing w:after="0" w:line="240" w:lineRule="auto"/>
      </w:pPr>
      <w:r>
        <w:drawing>
          <wp:inline distT="0" distB="0" distL="0" distR="0" wp14:anchorId="7B9E451C" wp14:editId="5583B4A0">
            <wp:extent cx="2197137" cy="1647646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0800000">
                      <a:off x="0" y="0"/>
                      <a:ext cx="2219215" cy="166420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35DD3F1" w14:textId="01988E82" w:rsidR="009769F4" w:rsidRDefault="009769F4" w:rsidP="00A67198">
      <w:pPr>
        <w:spacing w:after="0" w:line="240" w:lineRule="auto"/>
      </w:pPr>
    </w:p>
    <w:p w14:paraId="549FCF6B" w14:textId="5CCCD9F7" w:rsidR="009769F4" w:rsidRDefault="009769F4" w:rsidP="00A67198">
      <w:pPr>
        <w:spacing w:after="0" w:line="240" w:lineRule="auto"/>
      </w:pPr>
      <w:r>
        <w:t>Cáp USB và dây cắm testboard cái-cái</w:t>
      </w:r>
    </w:p>
    <w:p w14:paraId="39D2D09E" w14:textId="3F7B4AA0" w:rsidR="009769F4" w:rsidRDefault="009769F4" w:rsidP="00A67198">
      <w:pPr>
        <w:spacing w:after="0" w:line="240" w:lineRule="auto"/>
      </w:pPr>
      <w:r>
        <w:drawing>
          <wp:inline distT="0" distB="0" distL="0" distR="0" wp14:anchorId="27A73442" wp14:editId="18ED7615">
            <wp:extent cx="2242020" cy="1268083"/>
            <wp:effectExtent l="0" t="0" r="6350" b="889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61780" cy="127925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7EAABEC" w14:textId="00D267BC" w:rsidR="007A397A" w:rsidRDefault="007A397A" w:rsidP="00A67198">
      <w:pPr>
        <w:spacing w:after="0" w:line="240" w:lineRule="auto"/>
      </w:pPr>
    </w:p>
    <w:p w14:paraId="6FDBE1AA" w14:textId="638E4568" w:rsidR="007A397A" w:rsidRDefault="007A397A" w:rsidP="00A67198">
      <w:pPr>
        <w:spacing w:after="0" w:line="240" w:lineRule="auto"/>
      </w:pPr>
      <w:r>
        <w:t>Battery Lipo 3.7V</w:t>
      </w:r>
      <w:r w:rsidR="00FA7ACA">
        <w:t xml:space="preserve"> </w:t>
      </w:r>
    </w:p>
    <w:p w14:paraId="22E25976" w14:textId="500BCD9D" w:rsidR="007A397A" w:rsidRDefault="007A397A" w:rsidP="00A67198">
      <w:pPr>
        <w:spacing w:after="0" w:line="240" w:lineRule="auto"/>
      </w:pPr>
      <w:r>
        <w:drawing>
          <wp:inline distT="0" distB="0" distL="0" distR="0" wp14:anchorId="5EB5F3F4" wp14:editId="5DD71839">
            <wp:extent cx="1294476" cy="2288732"/>
            <wp:effectExtent l="0" t="1905" r="0" b="0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1302693" cy="23032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C47CE37" w14:textId="01982875" w:rsidR="007A397A" w:rsidRDefault="007A397A" w:rsidP="00A67198">
      <w:pPr>
        <w:spacing w:after="0" w:line="240" w:lineRule="auto"/>
      </w:pPr>
    </w:p>
    <w:p w14:paraId="2B26317D" w14:textId="77777777" w:rsidR="009769F4" w:rsidRPr="001B70B6" w:rsidRDefault="009769F4" w:rsidP="00A67198">
      <w:pPr>
        <w:spacing w:after="0" w:line="240" w:lineRule="auto"/>
      </w:pPr>
    </w:p>
    <w:p w14:paraId="7B047BC4" w14:textId="7344AE19" w:rsidR="001B70B6" w:rsidRDefault="001B70B6">
      <w:pPr>
        <w:rPr>
          <w:b/>
          <w:bCs/>
        </w:rPr>
      </w:pPr>
      <w:r>
        <w:rPr>
          <w:b/>
          <w:bCs/>
        </w:rPr>
        <w:br w:type="page"/>
      </w:r>
    </w:p>
    <w:p w14:paraId="241A5F85" w14:textId="608D4ECD" w:rsidR="00715B64" w:rsidRPr="006E462A" w:rsidRDefault="004E0B0C" w:rsidP="004E0B0C">
      <w:pPr>
        <w:spacing w:after="0"/>
        <w:rPr>
          <w:sz w:val="28"/>
          <w:szCs w:val="28"/>
        </w:rPr>
      </w:pPr>
      <w:r w:rsidRPr="00715B64">
        <w:rPr>
          <w:b/>
          <w:bCs/>
          <w:sz w:val="28"/>
          <w:szCs w:val="28"/>
        </w:rPr>
        <w:lastRenderedPageBreak/>
        <w:t>Bước 1: Tạo key</w:t>
      </w:r>
      <w:r w:rsidR="006E462A">
        <w:rPr>
          <w:b/>
          <w:bCs/>
          <w:sz w:val="28"/>
          <w:szCs w:val="28"/>
        </w:rPr>
        <w:t xml:space="preserve"> </w:t>
      </w:r>
      <w:r w:rsidR="006E462A" w:rsidRPr="006E462A">
        <w:rPr>
          <w:sz w:val="24"/>
          <w:szCs w:val="24"/>
        </w:rPr>
        <w:t>(chọn 1 trong 2 phương án)</w:t>
      </w:r>
    </w:p>
    <w:p w14:paraId="2D716B1B" w14:textId="77777777" w:rsidR="006E462A" w:rsidRDefault="006E462A" w:rsidP="004E0B0C">
      <w:pPr>
        <w:spacing w:after="0"/>
      </w:pPr>
    </w:p>
    <w:p w14:paraId="2DC10EA1" w14:textId="4D637799" w:rsidR="004E0B0C" w:rsidRDefault="006E462A" w:rsidP="004E0B0C">
      <w:pPr>
        <w:spacing w:after="0"/>
      </w:pPr>
      <w:r>
        <w:t xml:space="preserve">Phương án 1: </w:t>
      </w:r>
      <w:r w:rsidR="00C65D85">
        <w:t>T</w:t>
      </w:r>
      <w:r>
        <w:t>ạo key mới</w:t>
      </w:r>
    </w:p>
    <w:p w14:paraId="64DC5ACE" w14:textId="69B3077A" w:rsidR="00715B64" w:rsidRDefault="00715B64" w:rsidP="004E0B0C">
      <w:pPr>
        <w:spacing w:after="0"/>
      </w:pPr>
      <w:r>
        <w:t>Vào Command Prompt:</w:t>
      </w:r>
    </w:p>
    <w:p w14:paraId="23591861" w14:textId="03EAE192" w:rsidR="004E0B0C" w:rsidRDefault="004E0B0C" w:rsidP="004E0B0C">
      <w:pPr>
        <w:spacing w:after="0"/>
      </w:pPr>
      <w:r>
        <w:t xml:space="preserve">Chạy lệnh: </w:t>
      </w:r>
      <w:r w:rsidRPr="001C3866">
        <w:rPr>
          <w:color w:val="FF0000"/>
        </w:rPr>
        <w:t>nrfutil keys generate dfu_private_key.pem</w:t>
      </w:r>
    </w:p>
    <w:p w14:paraId="108218EB" w14:textId="3E2655BE" w:rsidR="004E0B0C" w:rsidRDefault="004E0B0C" w:rsidP="004E0B0C">
      <w:pPr>
        <w:spacing w:after="0"/>
      </w:pPr>
      <w:r>
        <w:t xml:space="preserve">File </w:t>
      </w:r>
      <w:r w:rsidRPr="004E0B0C">
        <w:t>dfu_private_key.pem</w:t>
      </w:r>
      <w:r>
        <w:t xml:space="preserve"> được tạo ra</w:t>
      </w:r>
    </w:p>
    <w:p w14:paraId="459D6E54" w14:textId="77777777" w:rsidR="004E0B0C" w:rsidRDefault="004E0B0C" w:rsidP="004E0B0C">
      <w:pPr>
        <w:spacing w:after="0" w:line="240" w:lineRule="auto"/>
      </w:pPr>
    </w:p>
    <w:p w14:paraId="4C24AF5E" w14:textId="65C7B337" w:rsidR="004E0B0C" w:rsidRDefault="004E0B0C" w:rsidP="004E0B0C">
      <w:pPr>
        <w:spacing w:after="0" w:line="240" w:lineRule="auto"/>
      </w:pPr>
      <w:r>
        <w:t xml:space="preserve">Chạy lệnh: </w:t>
      </w:r>
      <w:r w:rsidRPr="001C3866">
        <w:rPr>
          <w:color w:val="FF0000"/>
        </w:rPr>
        <w:t xml:space="preserve">nrfutil keys display --key pk --format code </w:t>
      </w:r>
      <w:r w:rsidR="005418CC" w:rsidRPr="001C3866">
        <w:rPr>
          <w:color w:val="FF0000"/>
        </w:rPr>
        <w:t xml:space="preserve">dfu_private_key.pem  </w:t>
      </w:r>
      <w:r w:rsidRPr="001C3866">
        <w:rPr>
          <w:color w:val="FF0000"/>
        </w:rPr>
        <w:t>--out_file dfu_public_key.c</w:t>
      </w:r>
    </w:p>
    <w:p w14:paraId="39C8D415" w14:textId="2EE67BD8" w:rsidR="004E0B0C" w:rsidRDefault="004E0B0C" w:rsidP="004E0B0C">
      <w:pPr>
        <w:spacing w:after="0" w:line="240" w:lineRule="auto"/>
      </w:pPr>
      <w:r>
        <w:t xml:space="preserve">File </w:t>
      </w:r>
      <w:r w:rsidRPr="004E0B0C">
        <w:t>dfu_public_key.c</w:t>
      </w:r>
      <w:r>
        <w:t xml:space="preserve"> được tạo ra</w:t>
      </w:r>
    </w:p>
    <w:p w14:paraId="5B29E12A" w14:textId="70AFDDF9" w:rsidR="00986CAF" w:rsidRDefault="00986CAF" w:rsidP="004E0B0C">
      <w:pPr>
        <w:spacing w:after="0" w:line="240" w:lineRule="auto"/>
      </w:pPr>
    </w:p>
    <w:p w14:paraId="0CEDE883" w14:textId="34882263" w:rsidR="001C3866" w:rsidRDefault="00986CAF" w:rsidP="004E0B0C">
      <w:pPr>
        <w:spacing w:after="0" w:line="240" w:lineRule="auto"/>
      </w:pPr>
      <w:r>
        <w:t>Sau đó copy “</w:t>
      </w:r>
      <w:r w:rsidRPr="004E0B0C">
        <w:t>dfu_public_key.c</w:t>
      </w:r>
      <w:r>
        <w:t xml:space="preserve">” </w:t>
      </w:r>
      <w:r w:rsidR="001C3866">
        <w:t>và “</w:t>
      </w:r>
      <w:r w:rsidR="001C3866" w:rsidRPr="001C3866">
        <w:t xml:space="preserve">dfu_private_key.pem” </w:t>
      </w:r>
      <w:r>
        <w:t xml:space="preserve">đến đường dẫn </w:t>
      </w:r>
      <w:r w:rsidRPr="00986CAF">
        <w:t>D:\sdk_v16\examples\dfu</w:t>
      </w:r>
      <w:r>
        <w:t xml:space="preserve"> thay thế file đã có sẵn.</w:t>
      </w:r>
    </w:p>
    <w:p w14:paraId="659BFA38" w14:textId="3F070D4D" w:rsidR="00675E70" w:rsidRDefault="00675E70" w:rsidP="004E0B0C">
      <w:pPr>
        <w:spacing w:after="0" w:line="240" w:lineRule="auto"/>
      </w:pPr>
      <w:r>
        <w:drawing>
          <wp:inline distT="0" distB="0" distL="0" distR="0" wp14:anchorId="0C960909" wp14:editId="33285A0C">
            <wp:extent cx="4419600" cy="1487838"/>
            <wp:effectExtent l="0" t="0" r="0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4447574" cy="14972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A50E4B0" w14:textId="26799C9B" w:rsidR="00582C3B" w:rsidRDefault="00582C3B" w:rsidP="004E0B0C">
      <w:pPr>
        <w:spacing w:after="0" w:line="240" w:lineRule="auto"/>
      </w:pPr>
    </w:p>
    <w:p w14:paraId="6C94D854" w14:textId="77777777" w:rsidR="006E462A" w:rsidRDefault="006E462A" w:rsidP="004E0B0C">
      <w:pPr>
        <w:spacing w:after="0" w:line="240" w:lineRule="auto"/>
        <w:rPr>
          <w:b/>
          <w:bCs/>
        </w:rPr>
      </w:pPr>
    </w:p>
    <w:p w14:paraId="07DA6AF6" w14:textId="77777777" w:rsidR="006E462A" w:rsidRDefault="006E462A" w:rsidP="004E0B0C">
      <w:pPr>
        <w:spacing w:after="0" w:line="240" w:lineRule="auto"/>
        <w:rPr>
          <w:b/>
          <w:bCs/>
        </w:rPr>
      </w:pPr>
    </w:p>
    <w:p w14:paraId="5A4A8340" w14:textId="77777777" w:rsidR="006E462A" w:rsidRDefault="006E462A" w:rsidP="004E0B0C">
      <w:pPr>
        <w:spacing w:after="0" w:line="240" w:lineRule="auto"/>
        <w:rPr>
          <w:b/>
          <w:bCs/>
        </w:rPr>
      </w:pPr>
    </w:p>
    <w:p w14:paraId="6B0FCDB5" w14:textId="1FDCE320" w:rsidR="006E462A" w:rsidRDefault="006E462A" w:rsidP="004E0B0C">
      <w:pPr>
        <w:spacing w:after="0" w:line="240" w:lineRule="auto"/>
      </w:pPr>
      <w:r w:rsidRPr="006E462A">
        <w:t xml:space="preserve">Phương án 2: Sử dụng key </w:t>
      </w:r>
      <w:r w:rsidR="007A397A">
        <w:t>làm chuẩn</w:t>
      </w:r>
    </w:p>
    <w:p w14:paraId="0B2C93FA" w14:textId="2B6A7F43" w:rsidR="007A397A" w:rsidRDefault="005813C6" w:rsidP="004E0B0C">
      <w:pPr>
        <w:spacing w:after="0" w:line="240" w:lineRule="auto"/>
      </w:pPr>
      <w:r>
        <w:t xml:space="preserve">Trong project </w:t>
      </w:r>
      <w:r w:rsidRPr="0005298D">
        <w:rPr>
          <w:i/>
          <w:iCs/>
        </w:rPr>
        <w:t>BLE_RFID_READER</w:t>
      </w:r>
      <w:r>
        <w:t>, đ</w:t>
      </w:r>
      <w:r w:rsidR="007A397A">
        <w:t>ổi tên</w:t>
      </w:r>
      <w:r w:rsidR="006E462A">
        <w:t xml:space="preserve"> “</w:t>
      </w:r>
      <w:r w:rsidR="006E462A" w:rsidRPr="004E0B0C">
        <w:t>dfu_public_key</w:t>
      </w:r>
      <w:r w:rsidR="0065085A">
        <w:t xml:space="preserve"> (làm chuẩn)</w:t>
      </w:r>
      <w:r w:rsidR="006E462A" w:rsidRPr="004E0B0C">
        <w:t>.c</w:t>
      </w:r>
      <w:r w:rsidR="006E462A">
        <w:t>” và “</w:t>
      </w:r>
      <w:r w:rsidR="006E462A" w:rsidRPr="001C3866">
        <w:t>dfu_private_key</w:t>
      </w:r>
      <w:r w:rsidR="0065085A">
        <w:t xml:space="preserve"> (làm chuẩn)</w:t>
      </w:r>
      <w:r w:rsidR="006E462A" w:rsidRPr="001C3866">
        <w:t xml:space="preserve">.pem” </w:t>
      </w:r>
      <w:r w:rsidR="007A397A">
        <w:t>thành</w:t>
      </w:r>
      <w:r>
        <w:t xml:space="preserve"> </w:t>
      </w:r>
      <w:r w:rsidR="007A397A">
        <w:t>“</w:t>
      </w:r>
      <w:r w:rsidR="007A397A" w:rsidRPr="004E0B0C">
        <w:t>dfu_public_key.c</w:t>
      </w:r>
      <w:r w:rsidR="007A397A">
        <w:t>” và “</w:t>
      </w:r>
      <w:r w:rsidR="007A397A" w:rsidRPr="001C3866">
        <w:t xml:space="preserve">dfu_private_key.pem” </w:t>
      </w:r>
    </w:p>
    <w:p w14:paraId="6BEFB1D7" w14:textId="55EB914B" w:rsidR="007A397A" w:rsidRDefault="007A397A" w:rsidP="004E0B0C">
      <w:pPr>
        <w:spacing w:after="0" w:line="240" w:lineRule="auto"/>
      </w:pPr>
      <w:r>
        <w:drawing>
          <wp:inline distT="0" distB="0" distL="0" distR="0" wp14:anchorId="61BA41DF" wp14:editId="7C8CFA35">
            <wp:extent cx="5572664" cy="1505096"/>
            <wp:effectExtent l="0" t="0" r="0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5581888" cy="150758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31BD57" w14:textId="77777777" w:rsidR="007A397A" w:rsidRDefault="007A397A" w:rsidP="004E0B0C">
      <w:pPr>
        <w:spacing w:after="0" w:line="240" w:lineRule="auto"/>
      </w:pPr>
    </w:p>
    <w:p w14:paraId="0A069984" w14:textId="033DC05A" w:rsidR="006E462A" w:rsidRDefault="007A397A" w:rsidP="004E0B0C">
      <w:pPr>
        <w:spacing w:after="0" w:line="240" w:lineRule="auto"/>
      </w:pPr>
      <w:r>
        <w:t xml:space="preserve">Rồi copy </w:t>
      </w:r>
      <w:r w:rsidR="006E462A">
        <w:t xml:space="preserve">đến đường dẫn </w:t>
      </w:r>
      <w:r w:rsidR="006E462A" w:rsidRPr="00986CAF">
        <w:t>D:\sdk_v16\examples\dfu</w:t>
      </w:r>
      <w:r w:rsidR="006E462A">
        <w:t xml:space="preserve"> thay thế file đã có sẵn.</w:t>
      </w:r>
    </w:p>
    <w:p w14:paraId="1E65EC31" w14:textId="4778EEA8" w:rsidR="006E462A" w:rsidRPr="006E462A" w:rsidRDefault="007A397A" w:rsidP="004E0B0C">
      <w:pPr>
        <w:spacing w:after="0" w:line="240" w:lineRule="auto"/>
      </w:pPr>
      <w:r>
        <w:drawing>
          <wp:inline distT="0" distB="0" distL="0" distR="0" wp14:anchorId="05688EC8" wp14:editId="173A49C7">
            <wp:extent cx="4419600" cy="1487838"/>
            <wp:effectExtent l="0" t="0" r="0" b="0"/>
            <wp:docPr id="32" name="Picture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4447574" cy="14972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279BECD" w14:textId="78020456" w:rsidR="005A55D8" w:rsidRDefault="009B7610" w:rsidP="004E0B0C">
      <w:pPr>
        <w:spacing w:after="0" w:line="240" w:lineRule="auto"/>
        <w:rPr>
          <w:b/>
          <w:bCs/>
        </w:rPr>
      </w:pPr>
      <w:r>
        <w:rPr>
          <w:b/>
          <w:bCs/>
        </w:rPr>
        <w:lastRenderedPageBreak/>
        <w:t>Chú</w:t>
      </w:r>
      <w:r w:rsidR="005A55D8" w:rsidRPr="005A55D8">
        <w:rPr>
          <w:b/>
          <w:bCs/>
        </w:rPr>
        <w:t xml:space="preserve"> ý:</w:t>
      </w:r>
    </w:p>
    <w:p w14:paraId="006D3C8D" w14:textId="0BF3A7FF" w:rsidR="007A397A" w:rsidRDefault="007A397A" w:rsidP="004E0B0C">
      <w:pPr>
        <w:spacing w:after="0" w:line="240" w:lineRule="auto"/>
      </w:pPr>
      <w:r>
        <w:t>Khi sử dụng phương án 1 thì file app_dfu_test.zip sẽ không dùng được nữa</w:t>
      </w:r>
    </w:p>
    <w:p w14:paraId="1D8087DA" w14:textId="742F1078" w:rsidR="007A397A" w:rsidRPr="007A397A" w:rsidRDefault="007A397A" w:rsidP="004E0B0C">
      <w:pPr>
        <w:spacing w:after="0" w:line="240" w:lineRule="auto"/>
      </w:pPr>
      <w:r>
        <w:drawing>
          <wp:inline distT="0" distB="0" distL="0" distR="0" wp14:anchorId="4C97CA26" wp14:editId="2C3A9255">
            <wp:extent cx="5943600" cy="1635125"/>
            <wp:effectExtent l="0" t="0" r="0" b="3175"/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6351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AE72074" w14:textId="2316C35D" w:rsidR="00634CBD" w:rsidRDefault="00634CBD">
      <w:pPr>
        <w:rPr>
          <w:b/>
          <w:bCs/>
        </w:rPr>
      </w:pPr>
      <w:r>
        <w:rPr>
          <w:b/>
          <w:bCs/>
        </w:rPr>
        <w:br w:type="page"/>
      </w:r>
    </w:p>
    <w:p w14:paraId="41E414D7" w14:textId="2DA21C63" w:rsidR="00634CBD" w:rsidRPr="00565D6C" w:rsidRDefault="004E0B0C" w:rsidP="00634CBD">
      <w:pPr>
        <w:spacing w:after="0" w:line="240" w:lineRule="auto"/>
        <w:rPr>
          <w:b/>
          <w:bCs/>
          <w:sz w:val="28"/>
          <w:szCs w:val="28"/>
        </w:rPr>
      </w:pPr>
      <w:r w:rsidRPr="00715B64">
        <w:rPr>
          <w:b/>
          <w:bCs/>
          <w:sz w:val="28"/>
          <w:szCs w:val="28"/>
        </w:rPr>
        <w:lastRenderedPageBreak/>
        <w:t xml:space="preserve">Bước 2: </w:t>
      </w:r>
      <w:r w:rsidR="006A618A">
        <w:rPr>
          <w:b/>
          <w:bCs/>
          <w:sz w:val="28"/>
          <w:szCs w:val="28"/>
        </w:rPr>
        <w:t>Build code</w:t>
      </w:r>
      <w:r w:rsidR="00917FDC" w:rsidRPr="00715B64">
        <w:rPr>
          <w:b/>
          <w:bCs/>
          <w:sz w:val="28"/>
          <w:szCs w:val="28"/>
        </w:rPr>
        <w:t xml:space="preserve"> Bootloader </w:t>
      </w:r>
    </w:p>
    <w:p w14:paraId="6ECB3EF2" w14:textId="77777777" w:rsidR="00634CBD" w:rsidRDefault="00634CBD" w:rsidP="00634CBD">
      <w:pPr>
        <w:spacing w:after="0" w:line="240" w:lineRule="auto"/>
      </w:pPr>
      <w:r>
        <w:t>Truy cập Project:</w:t>
      </w:r>
    </w:p>
    <w:p w14:paraId="010DB33F" w14:textId="25DD94DB" w:rsidR="00F85D34" w:rsidRDefault="00634CBD" w:rsidP="00634CBD">
      <w:pPr>
        <w:spacing w:after="0" w:line="240" w:lineRule="auto"/>
      </w:pPr>
      <w:r w:rsidRPr="00986CAF">
        <w:t>"D:\sdk_v16\examples\dfu\secure_bootloader\pca10040_s132_ble\ses\secure_bootloader_ble_s132_pca10040.emProject"</w:t>
      </w:r>
      <w:r>
        <w:t xml:space="preserve"> </w:t>
      </w:r>
    </w:p>
    <w:p w14:paraId="52206F68" w14:textId="6C95F898" w:rsidR="00223258" w:rsidRDefault="00223258" w:rsidP="00634CBD">
      <w:pPr>
        <w:spacing w:after="0" w:line="240" w:lineRule="auto"/>
      </w:pPr>
      <w:r>
        <w:drawing>
          <wp:inline distT="0" distB="0" distL="0" distR="0" wp14:anchorId="374DFBBD" wp14:editId="713A81E4">
            <wp:extent cx="5943600" cy="1306195"/>
            <wp:effectExtent l="0" t="0" r="0" b="8255"/>
            <wp:docPr id="53" name="Picture 5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3061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06EC74B" w14:textId="77777777" w:rsidR="00223258" w:rsidRDefault="00223258" w:rsidP="00634CBD">
      <w:pPr>
        <w:spacing w:after="0" w:line="240" w:lineRule="auto"/>
      </w:pPr>
    </w:p>
    <w:p w14:paraId="6AFE43B3" w14:textId="6E75FD17" w:rsidR="00223258" w:rsidRDefault="00223258" w:rsidP="00634CBD">
      <w:pPr>
        <w:spacing w:after="0" w:line="240" w:lineRule="auto"/>
      </w:pPr>
      <w:r>
        <w:t>Build project</w:t>
      </w:r>
    </w:p>
    <w:p w14:paraId="6F7ADB65" w14:textId="18452C35" w:rsidR="00F85D34" w:rsidRDefault="00F85D34" w:rsidP="00634CBD">
      <w:pPr>
        <w:spacing w:after="0" w:line="240" w:lineRule="auto"/>
      </w:pPr>
      <w:r>
        <w:drawing>
          <wp:inline distT="0" distB="0" distL="0" distR="0" wp14:anchorId="30BDBC28" wp14:editId="2DA68D4A">
            <wp:extent cx="5943600" cy="1915795"/>
            <wp:effectExtent l="0" t="0" r="0" b="8255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 rotWithShape="1"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2628"/>
                    <a:stretch/>
                  </pic:blipFill>
                  <pic:spPr bwMode="auto">
                    <a:xfrm>
                      <a:off x="0" y="0"/>
                      <a:ext cx="5943600" cy="19157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1474E02C" w14:textId="77777777" w:rsidR="00634CBD" w:rsidRDefault="00634CBD" w:rsidP="00634CBD">
      <w:pPr>
        <w:spacing w:after="0" w:line="240" w:lineRule="auto"/>
      </w:pPr>
    </w:p>
    <w:p w14:paraId="17966E73" w14:textId="326E2C8C" w:rsidR="00654CA9" w:rsidRDefault="007B362B" w:rsidP="00D4202B">
      <w:pPr>
        <w:spacing w:after="0" w:line="240" w:lineRule="auto"/>
      </w:pPr>
      <w:r>
        <w:t>Output khi build thành công</w:t>
      </w:r>
    </w:p>
    <w:p w14:paraId="187479B7" w14:textId="361D9B97" w:rsidR="00F85D34" w:rsidRDefault="00F85D34" w:rsidP="00D4202B">
      <w:pPr>
        <w:spacing w:after="0" w:line="240" w:lineRule="auto"/>
      </w:pPr>
      <w:r>
        <w:drawing>
          <wp:inline distT="0" distB="0" distL="0" distR="0" wp14:anchorId="4FAA0F93" wp14:editId="4B81196B">
            <wp:extent cx="5943600" cy="1489075"/>
            <wp:effectExtent l="0" t="0" r="0" b="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89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D5B6EC" w14:textId="77777777" w:rsidR="00654CA9" w:rsidRDefault="00654CA9" w:rsidP="00D4202B">
      <w:pPr>
        <w:spacing w:after="0" w:line="240" w:lineRule="auto"/>
      </w:pPr>
    </w:p>
    <w:p w14:paraId="4A50E450" w14:textId="77777777" w:rsidR="00F75A9B" w:rsidRDefault="00D83183" w:rsidP="00D4202B">
      <w:pPr>
        <w:spacing w:after="0" w:line="240" w:lineRule="auto"/>
      </w:pPr>
      <w:r>
        <w:t>Sau khi build xong</w:t>
      </w:r>
      <w:r w:rsidR="00F75A9B">
        <w:t>:</w:t>
      </w:r>
    </w:p>
    <w:p w14:paraId="67651BFD" w14:textId="57785E93" w:rsidR="00654CA9" w:rsidRDefault="00F75A9B" w:rsidP="00D4202B">
      <w:pPr>
        <w:spacing w:after="0" w:line="240" w:lineRule="auto"/>
      </w:pPr>
      <w:r>
        <w:t>G</w:t>
      </w:r>
      <w:r w:rsidR="00672CE7">
        <w:t xml:space="preserve">ắn battery vào Board Custom </w:t>
      </w:r>
    </w:p>
    <w:p w14:paraId="6ECC08DC" w14:textId="74F80308" w:rsidR="00244F3A" w:rsidRDefault="00244F3A" w:rsidP="00D4202B">
      <w:pPr>
        <w:spacing w:after="0" w:line="240" w:lineRule="auto"/>
      </w:pPr>
      <w:r>
        <w:drawing>
          <wp:inline distT="0" distB="0" distL="0" distR="0" wp14:anchorId="3FA07763" wp14:editId="68774080">
            <wp:extent cx="2286000" cy="1292958"/>
            <wp:effectExtent l="0" t="0" r="0" b="2540"/>
            <wp:docPr id="44" name="Picture 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3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98478" cy="13000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2C5C7C" w14:textId="77777777" w:rsidR="00244F3A" w:rsidRDefault="00244F3A" w:rsidP="00D4202B">
      <w:pPr>
        <w:spacing w:after="0" w:line="240" w:lineRule="auto"/>
      </w:pPr>
    </w:p>
    <w:p w14:paraId="4A3EAD34" w14:textId="256B068E" w:rsidR="00244F3A" w:rsidRDefault="00244F3A" w:rsidP="00D4202B">
      <w:pPr>
        <w:spacing w:after="0" w:line="240" w:lineRule="auto"/>
      </w:pPr>
      <w:r>
        <w:lastRenderedPageBreak/>
        <w:t xml:space="preserve">Kết nối Board Custom với mạch nạp NRF52 PCA10040, </w:t>
      </w:r>
    </w:p>
    <w:p w14:paraId="6EFF0707" w14:textId="4135DBD1" w:rsidR="00AB4EEA" w:rsidRDefault="00A904B4" w:rsidP="00D4202B">
      <w:pPr>
        <w:spacing w:after="0" w:line="240" w:lineRule="auto"/>
      </w:pPr>
      <w:r>
        <w:drawing>
          <wp:inline distT="0" distB="0" distL="0" distR="0" wp14:anchorId="6E675161" wp14:editId="52E1F30B">
            <wp:extent cx="3465499" cy="2343148"/>
            <wp:effectExtent l="0" t="0" r="1905" b="635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Picture 10"/>
                    <pic:cNvPicPr/>
                  </pic:nvPicPr>
                  <pic:blipFill rotWithShape="1">
                    <a:blip r:embed="rId3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632" r="4485" b="11259"/>
                    <a:stretch/>
                  </pic:blipFill>
                  <pic:spPr bwMode="auto">
                    <a:xfrm>
                      <a:off x="0" y="0"/>
                      <a:ext cx="3534409" cy="2389741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>
        <w:tab/>
      </w:r>
    </w:p>
    <w:p w14:paraId="606CE149" w14:textId="6CA3AF1E" w:rsidR="00F93848" w:rsidRDefault="00F93848" w:rsidP="00D4202B">
      <w:pPr>
        <w:spacing w:after="0" w:line="240" w:lineRule="auto"/>
      </w:pPr>
    </w:p>
    <w:p w14:paraId="2DED2948" w14:textId="3B25F902" w:rsidR="007C7829" w:rsidRDefault="007C7829" w:rsidP="00D4202B">
      <w:pPr>
        <w:spacing w:after="0" w:line="240" w:lineRule="auto"/>
      </w:pPr>
      <w:r>
        <w:t>Cắm cáp USB kết nối</w:t>
      </w:r>
      <w:r w:rsidR="00624B90" w:rsidRPr="00624B90">
        <w:t xml:space="preserve"> </w:t>
      </w:r>
      <w:r w:rsidR="00624B90">
        <w:t xml:space="preserve"> </w:t>
      </w:r>
      <w:r w:rsidR="003315F9">
        <w:t xml:space="preserve">Board </w:t>
      </w:r>
      <w:r w:rsidR="00624B90">
        <w:t xml:space="preserve">NRF52832 PCA10040 </w:t>
      </w:r>
      <w:r w:rsidR="003315F9">
        <w:t>với</w:t>
      </w:r>
      <w:r w:rsidR="00624B90">
        <w:t xml:space="preserve"> PC</w:t>
      </w:r>
      <w:r w:rsidR="00223258">
        <w:t>.</w:t>
      </w:r>
    </w:p>
    <w:p w14:paraId="3ACE8517" w14:textId="7BFBD0D9" w:rsidR="003272FB" w:rsidRDefault="00244F3A" w:rsidP="00D4202B">
      <w:pPr>
        <w:spacing w:after="0" w:line="240" w:lineRule="auto"/>
      </w:pPr>
      <w:r>
        <w:drawing>
          <wp:inline distT="0" distB="0" distL="0" distR="0" wp14:anchorId="195A3A7A" wp14:editId="45C1A83B">
            <wp:extent cx="1778784" cy="3145026"/>
            <wp:effectExtent l="2858" t="0" r="0" b="0"/>
            <wp:docPr id="42" name="Picture 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3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1789986" cy="316483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F25B1AE" w14:textId="77777777" w:rsidR="00244F3A" w:rsidRDefault="00244F3A" w:rsidP="00D4202B">
      <w:pPr>
        <w:spacing w:after="0" w:line="240" w:lineRule="auto"/>
      </w:pPr>
    </w:p>
    <w:p w14:paraId="71962778" w14:textId="315FB168" w:rsidR="00223258" w:rsidRDefault="00223258" w:rsidP="00D4202B">
      <w:pPr>
        <w:spacing w:after="0" w:line="240" w:lineRule="auto"/>
      </w:pPr>
      <w:r>
        <w:t>Trên SES IDE:</w:t>
      </w:r>
    </w:p>
    <w:p w14:paraId="4B33D7D7" w14:textId="04E5BA74" w:rsidR="00654CA9" w:rsidRDefault="00D83183" w:rsidP="00223258">
      <w:pPr>
        <w:pStyle w:val="ListParagraph"/>
        <w:numPr>
          <w:ilvl w:val="0"/>
          <w:numId w:val="4"/>
        </w:numPr>
        <w:spacing w:after="0" w:line="240" w:lineRule="auto"/>
      </w:pPr>
      <w:r w:rsidRPr="00D83183">
        <w:t>“Target” &gt; “Connect J-Link”</w:t>
      </w:r>
      <w:r>
        <w:t>&gt;</w:t>
      </w:r>
      <w:r w:rsidR="00654CA9">
        <w:t>“</w:t>
      </w:r>
      <w:r>
        <w:t xml:space="preserve">Erase All” </w:t>
      </w:r>
    </w:p>
    <w:p w14:paraId="06525411" w14:textId="77D393E9" w:rsidR="00D83183" w:rsidRDefault="00654CA9" w:rsidP="00223258">
      <w:pPr>
        <w:pStyle w:val="ListParagraph"/>
        <w:numPr>
          <w:ilvl w:val="0"/>
          <w:numId w:val="4"/>
        </w:numPr>
        <w:spacing w:after="0" w:line="240" w:lineRule="auto"/>
      </w:pPr>
      <w:r w:rsidRPr="00D83183">
        <w:t xml:space="preserve">“Target” &gt; </w:t>
      </w:r>
      <w:r w:rsidR="00D83183" w:rsidRPr="00D83183">
        <w:t>“Downloadsecure_bootloader_ble_s1</w:t>
      </w:r>
      <w:r w:rsidR="00D83183">
        <w:t>32</w:t>
      </w:r>
      <w:r w:rsidR="00D83183" w:rsidRPr="00D83183">
        <w:t>_pca100</w:t>
      </w:r>
      <w:r w:rsidR="00D83183">
        <w:t>40</w:t>
      </w:r>
      <w:r w:rsidR="00D83183" w:rsidRPr="00D83183">
        <w:t>”</w:t>
      </w:r>
    </w:p>
    <w:p w14:paraId="001B24F8" w14:textId="383E3A97" w:rsidR="00654CA9" w:rsidRDefault="00223258" w:rsidP="00D4202B">
      <w:pPr>
        <w:spacing w:after="0" w:line="240" w:lineRule="auto"/>
      </w:pPr>
      <w:r>
        <mc:AlternateContent>
          <mc:Choice Requires="wpi">
            <w:drawing>
              <wp:anchor distT="0" distB="0" distL="114300" distR="114300" simplePos="0" relativeHeight="251671552" behindDoc="0" locked="0" layoutInCell="1" allowOverlap="1" wp14:anchorId="3C909268" wp14:editId="79D4558B">
                <wp:simplePos x="0" y="0"/>
                <wp:positionH relativeFrom="column">
                  <wp:posOffset>3458845</wp:posOffset>
                </wp:positionH>
                <wp:positionV relativeFrom="paragraph">
                  <wp:posOffset>554990</wp:posOffset>
                </wp:positionV>
                <wp:extent cx="375850" cy="203200"/>
                <wp:effectExtent l="38100" t="57150" r="24765" b="44450"/>
                <wp:wrapNone/>
                <wp:docPr id="40" name="Ink 40"/>
                <wp:cNvGraphicFramePr/>
                <a:graphic xmlns:a="http://schemas.openxmlformats.org/drawingml/2006/main">
                  <a:graphicData uri="http://schemas.microsoft.com/office/word/2010/wordprocessingInk">
                    <w14:contentPart bwMode="auto" r:id="rId34">
                      <w14:nvContentPartPr>
                        <w14:cNvContentPartPr/>
                      </w14:nvContentPartPr>
                      <w14:xfrm>
                        <a:off x="0" y="0"/>
                        <a:ext cx="375850" cy="203200"/>
                      </w14:xfrm>
                    </w14:contentPart>
                  </a:graphicData>
                </a:graphic>
              </wp:anchor>
            </w:drawing>
          </mc:Choice>
          <mc:Fallback>
            <w:pict>
              <v:shapetype w14:anchorId="23530D3E"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Ink 40" o:spid="_x0000_s1026" type="#_x0000_t75" style="position:absolute;margin-left:271.65pt;margin-top:43pt;width:31.05pt;height:17.4pt;z-index:25167155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">
                <v:imagedata r:id="rId35" o:title=""/>
              </v:shape>
            </w:pict>
          </mc:Fallback>
        </mc:AlternateContent>
      </w:r>
      <w:r>
        <mc:AlternateContent>
          <mc:Choice Requires="wpi">
            <w:drawing>
              <wp:anchor distT="0" distB="0" distL="114300" distR="114300" simplePos="0" relativeHeight="251666432" behindDoc="0" locked="0" layoutInCell="1" allowOverlap="1" wp14:anchorId="3D815465" wp14:editId="61E2B70C">
                <wp:simplePos x="0" y="0"/>
                <wp:positionH relativeFrom="column">
                  <wp:posOffset>3429000</wp:posOffset>
                </wp:positionH>
                <wp:positionV relativeFrom="paragraph">
                  <wp:posOffset>809625</wp:posOffset>
                </wp:positionV>
                <wp:extent cx="398010" cy="165735"/>
                <wp:effectExtent l="57150" t="57150" r="21590" b="43815"/>
                <wp:wrapNone/>
                <wp:docPr id="35" name="Ink 35"/>
                <wp:cNvGraphicFramePr/>
                <a:graphic xmlns:a="http://schemas.openxmlformats.org/drawingml/2006/main">
                  <a:graphicData uri="http://schemas.microsoft.com/office/word/2010/wordprocessingInk">
                    <w14:contentPart bwMode="auto" r:id="rId36">
                      <w14:nvContentPartPr>
                        <w14:cNvContentPartPr/>
                      </w14:nvContentPartPr>
                      <w14:xfrm>
                        <a:off x="0" y="0"/>
                        <a:ext cx="398010" cy="165735"/>
                      </w14:xfrm>
                    </w14:contentPart>
                  </a:graphicData>
                </a:graphic>
              </wp:anchor>
            </w:drawing>
          </mc:Choice>
          <mc:Fallback>
            <w:pict>
              <v:shape w14:anchorId="440FD1D3" id="Ink 35" o:spid="_x0000_s1026" type="#_x0000_t75" style="position:absolute;margin-left:269.3pt;margin-top:63.05pt;width:32.8pt;height:14.45pt;z-index:2516664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">
                <v:imagedata r:id="rId37" o:title=""/>
              </v:shape>
            </w:pict>
          </mc:Fallback>
        </mc:AlternateContent>
      </w:r>
      <w:r w:rsidR="00654CA9">
        <w:drawing>
          <wp:inline distT="0" distB="0" distL="0" distR="0" wp14:anchorId="66448C9C" wp14:editId="24CD18AD">
            <wp:extent cx="3795623" cy="1987550"/>
            <wp:effectExtent l="0" t="0" r="0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 rotWithShape="1">
                    <a:blip r:embed="rId3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36131" b="40486"/>
                    <a:stretch/>
                  </pic:blipFill>
                  <pic:spPr bwMode="auto">
                    <a:xfrm>
                      <a:off x="0" y="0"/>
                      <a:ext cx="3796150" cy="198782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="00244F3A">
        <w:t xml:space="preserve"> </w:t>
      </w:r>
      <w:r w:rsidR="00244F3A">
        <w:drawing>
          <wp:inline distT="0" distB="0" distL="0" distR="0" wp14:anchorId="465A95B0" wp14:editId="11363E43">
            <wp:extent cx="1779137" cy="1814367"/>
            <wp:effectExtent l="0" t="0" r="0" b="0"/>
            <wp:docPr id="43" name="Picture 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1818297" cy="185430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B81B79A" w14:textId="77777777" w:rsidR="00654CA9" w:rsidRDefault="00654CA9" w:rsidP="00D4202B">
      <w:pPr>
        <w:spacing w:after="0" w:line="240" w:lineRule="auto"/>
      </w:pPr>
    </w:p>
    <w:p w14:paraId="73A41377" w14:textId="40DEE350" w:rsidR="00624B90" w:rsidRDefault="00D83183" w:rsidP="00D83183">
      <w:pPr>
        <w:spacing w:after="0" w:line="240" w:lineRule="auto"/>
      </w:pPr>
      <w:r>
        <w:t xml:space="preserve">Sau </w:t>
      </w:r>
      <w:r w:rsidR="00244F3A">
        <w:t>khi nạp code</w:t>
      </w:r>
      <w:r>
        <w:t xml:space="preserve">, </w:t>
      </w:r>
      <w:r w:rsidR="00B63554">
        <w:t>B</w:t>
      </w:r>
      <w:r>
        <w:t xml:space="preserve">oard </w:t>
      </w:r>
      <w:r w:rsidR="00B63554">
        <w:t>C</w:t>
      </w:r>
      <w:r>
        <w:t>ustom sẽ sáng đồng thời LED1 và LED2</w:t>
      </w:r>
      <w:r w:rsidR="00C65D85">
        <w:t>.</w:t>
      </w:r>
    </w:p>
    <w:p w14:paraId="2A2A6B7F" w14:textId="2623E038" w:rsidR="00051C7C" w:rsidRPr="00244F3A" w:rsidRDefault="00F75A9B" w:rsidP="00244F3A">
      <w:pPr>
        <w:spacing w:after="0" w:line="240" w:lineRule="auto"/>
      </w:pPr>
      <w:r>
        <mc:AlternateContent>
          <mc:Choice Requires="wpi">
            <w:drawing>
              <wp:anchor distT="0" distB="0" distL="114300" distR="114300" simplePos="0" relativeHeight="251677696" behindDoc="0" locked="0" layoutInCell="1" allowOverlap="1" wp14:anchorId="7AB0E687" wp14:editId="60E4C279">
                <wp:simplePos x="0" y="0"/>
                <wp:positionH relativeFrom="column">
                  <wp:posOffset>786130</wp:posOffset>
                </wp:positionH>
                <wp:positionV relativeFrom="paragraph">
                  <wp:posOffset>2058035</wp:posOffset>
                </wp:positionV>
                <wp:extent cx="83820" cy="101600"/>
                <wp:effectExtent l="57150" t="38100" r="49530" b="50800"/>
                <wp:wrapNone/>
                <wp:docPr id="63" name="Ink 63"/>
                <wp:cNvGraphicFramePr/>
                <a:graphic xmlns:a="http://schemas.openxmlformats.org/drawingml/2006/main">
                  <a:graphicData uri="http://schemas.microsoft.com/office/word/2010/wordprocessingInk">
                    <w14:contentPart bwMode="auto" r:id="rId40">
                      <w14:nvContentPartPr>
                        <w14:cNvContentPartPr/>
                      </w14:nvContentPartPr>
                      <w14:xfrm>
                        <a:off x="0" y="0"/>
                        <a:ext cx="83820" cy="101600"/>
                      </w14:xfrm>
                    </w14:contentPart>
                  </a:graphicData>
                </a:graphic>
              </wp:anchor>
            </w:drawing>
          </mc:Choice>
          <mc:Fallback>
            <w:pict>
              <v:shape w14:anchorId="02621C46" id="Ink 63" o:spid="_x0000_s1026" type="#_x0000_t75" style="position:absolute;margin-left:61.2pt;margin-top:161.35pt;width:8pt;height:9.4pt;z-index:25167769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">
                <v:imagedata r:id="rId41" o:title=""/>
              </v:shape>
            </w:pict>
          </mc:Fallback>
        </mc:AlternateContent>
      </w:r>
      <w:r>
        <mc:AlternateContent>
          <mc:Choice Requires="wpi">
            <w:drawing>
              <wp:anchor distT="0" distB="0" distL="114300" distR="114300" simplePos="0" relativeHeight="251674624" behindDoc="0" locked="0" layoutInCell="1" allowOverlap="1" wp14:anchorId="51F40FD8" wp14:editId="6E6A42D5">
                <wp:simplePos x="0" y="0"/>
                <wp:positionH relativeFrom="column">
                  <wp:posOffset>647065</wp:posOffset>
                </wp:positionH>
                <wp:positionV relativeFrom="paragraph">
                  <wp:posOffset>2072640</wp:posOffset>
                </wp:positionV>
                <wp:extent cx="92710" cy="106680"/>
                <wp:effectExtent l="57150" t="38100" r="40640" b="45720"/>
                <wp:wrapNone/>
                <wp:docPr id="57" name="Ink 57"/>
                <wp:cNvGraphicFramePr/>
                <a:graphic xmlns:a="http://schemas.openxmlformats.org/drawingml/2006/main">
                  <a:graphicData uri="http://schemas.microsoft.com/office/word/2010/wordprocessingInk">
                    <w14:contentPart bwMode="auto" r:id="rId42">
                      <w14:nvContentPartPr>
                        <w14:cNvContentPartPr/>
                      </w14:nvContentPartPr>
                      <w14:xfrm>
                        <a:off x="0" y="0"/>
                        <a:ext cx="92710" cy="106680"/>
                      </w14:xfrm>
                    </w14:contentPart>
                  </a:graphicData>
                </a:graphic>
              </wp:anchor>
            </w:drawing>
          </mc:Choice>
          <mc:Fallback>
            <w:pict>
              <v:shape w14:anchorId="0162A614" id="Ink 57" o:spid="_x0000_s1026" type="#_x0000_t75" style="position:absolute;margin-left:50.25pt;margin-top:162.5pt;width:8.7pt;height:9.8pt;z-index:25167462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">
                <v:imagedata r:id="rId43" o:title=""/>
              </v:shape>
            </w:pict>
          </mc:Fallback>
        </mc:AlternateContent>
      </w:r>
    </w:p>
    <w:p w14:paraId="65775EEC" w14:textId="77777777" w:rsidR="00244F3A" w:rsidRDefault="00244F3A">
      <w:pPr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br w:type="page"/>
      </w:r>
    </w:p>
    <w:p w14:paraId="1E23FCB8" w14:textId="324BC6E2" w:rsidR="00244F3A" w:rsidRDefault="00D83183" w:rsidP="00D83183">
      <w:pPr>
        <w:spacing w:after="0" w:line="240" w:lineRule="auto"/>
      </w:pPr>
      <w:r w:rsidRPr="003315F9">
        <w:rPr>
          <w:b/>
          <w:bCs/>
          <w:sz w:val="28"/>
          <w:szCs w:val="28"/>
        </w:rPr>
        <w:lastRenderedPageBreak/>
        <w:t>Bước 3: Tạo file zip</w:t>
      </w:r>
      <w:r w:rsidR="00364F6B" w:rsidRPr="003315F9">
        <w:rPr>
          <w:b/>
          <w:bCs/>
          <w:sz w:val="28"/>
          <w:szCs w:val="28"/>
        </w:rPr>
        <w:t xml:space="preserve"> </w:t>
      </w:r>
      <w:r w:rsidR="00364F6B">
        <w:t>(file zip này chứa firmware để nạp cho custom board)</w:t>
      </w:r>
    </w:p>
    <w:p w14:paraId="2019AC76" w14:textId="77777777" w:rsidR="00244F3A" w:rsidRPr="00624B90" w:rsidRDefault="00244F3A" w:rsidP="00D83183">
      <w:pPr>
        <w:spacing w:after="0" w:line="240" w:lineRule="auto"/>
      </w:pPr>
    </w:p>
    <w:p w14:paraId="7088F41D" w14:textId="1D7BA321" w:rsidR="00364F6B" w:rsidRPr="00244F3A" w:rsidRDefault="00774112" w:rsidP="00D83183">
      <w:pPr>
        <w:spacing w:after="0" w:line="240" w:lineRule="auto"/>
      </w:pPr>
      <w:r>
        <w:t xml:space="preserve">Trong </w:t>
      </w:r>
      <w:r w:rsidR="00244F3A">
        <w:t>Command Prompt</w:t>
      </w:r>
      <w:r>
        <w:t xml:space="preserve"> c</w:t>
      </w:r>
      <w:r w:rsidR="00FC2531">
        <w:t>hạy lệnh:</w:t>
      </w:r>
    </w:p>
    <w:p w14:paraId="02F8E10A" w14:textId="3CEB3C1D" w:rsidR="00364F6B" w:rsidRDefault="00364F6B" w:rsidP="00D83183">
      <w:pPr>
        <w:spacing w:after="0" w:line="240" w:lineRule="auto"/>
        <w:rPr>
          <w:color w:val="FF0000"/>
        </w:rPr>
      </w:pPr>
      <w:r w:rsidRPr="00364F6B">
        <w:rPr>
          <w:color w:val="FF0000"/>
        </w:rPr>
        <w:t xml:space="preserve">nrfutil pkg generate --application </w:t>
      </w:r>
      <w:r w:rsidRPr="00B83294">
        <w:rPr>
          <w:color w:val="0070C0"/>
        </w:rPr>
        <w:t>D:\sdk_v16\examples\ble_peripheral\2021.</w:t>
      </w:r>
      <w:r w:rsidR="006E5523">
        <w:rPr>
          <w:color w:val="0070C0"/>
        </w:rPr>
        <w:t>MM</w:t>
      </w:r>
      <w:r w:rsidRPr="00B83294">
        <w:rPr>
          <w:color w:val="0070C0"/>
        </w:rPr>
        <w:t>.</w:t>
      </w:r>
      <w:r w:rsidR="006E5523">
        <w:rPr>
          <w:color w:val="0070C0"/>
        </w:rPr>
        <w:t>DD</w:t>
      </w:r>
      <w:r w:rsidRPr="00B83294">
        <w:rPr>
          <w:color w:val="0070C0"/>
        </w:rPr>
        <w:t>-BLE_RFID_READER_REV2.1\pca10040\s132\ses\Output\Release\Exe\ble_rfid_reader_rev</w:t>
      </w:r>
      <w:r w:rsidR="00837DF7">
        <w:rPr>
          <w:color w:val="0070C0"/>
        </w:rPr>
        <w:t>2.1</w:t>
      </w:r>
      <w:r w:rsidRPr="00B83294">
        <w:rPr>
          <w:color w:val="0070C0"/>
        </w:rPr>
        <w:t>_pca10040_s132.hex</w:t>
      </w:r>
      <w:r w:rsidRPr="00364F6B">
        <w:rPr>
          <w:color w:val="FF0000"/>
        </w:rPr>
        <w:t xml:space="preserve"> --application-version-string "1.2.3" --hw-version 52 --sd-req </w:t>
      </w:r>
      <w:r w:rsidRPr="00B83294">
        <w:rPr>
          <w:color w:val="7030A0"/>
        </w:rPr>
        <w:t>0xCB</w:t>
      </w:r>
      <w:r w:rsidRPr="00364F6B">
        <w:rPr>
          <w:color w:val="FF0000"/>
        </w:rPr>
        <w:t xml:space="preserve"> --key-file </w:t>
      </w:r>
      <w:r w:rsidRPr="00054592">
        <w:rPr>
          <w:color w:val="00B050"/>
        </w:rPr>
        <w:t xml:space="preserve">"D:\sdk_v16\examples\dfu\dfu_private_key.pem" </w:t>
      </w:r>
      <w:r w:rsidRPr="00364F6B">
        <w:rPr>
          <w:color w:val="FF0000"/>
        </w:rPr>
        <w:t>app_dfu_</w:t>
      </w:r>
      <w:r w:rsidR="00291FA8">
        <w:rPr>
          <w:color w:val="FF0000"/>
        </w:rPr>
        <w:t>v1</w:t>
      </w:r>
      <w:r w:rsidRPr="00364F6B">
        <w:rPr>
          <w:color w:val="FF0000"/>
        </w:rPr>
        <w:t>.zip</w:t>
      </w:r>
    </w:p>
    <w:p w14:paraId="56143953" w14:textId="77777777" w:rsidR="00932322" w:rsidRDefault="00932322" w:rsidP="00D83183">
      <w:pPr>
        <w:spacing w:after="0" w:line="240" w:lineRule="auto"/>
      </w:pPr>
    </w:p>
    <w:p w14:paraId="6A422599" w14:textId="2C3A3933" w:rsidR="00D83183" w:rsidRDefault="008C3202" w:rsidP="00D83183">
      <w:pPr>
        <w:spacing w:after="0" w:line="240" w:lineRule="auto"/>
      </w:pPr>
      <w:r>
        <w:t>Sau lệnh này thì file “</w:t>
      </w:r>
      <w:r w:rsidRPr="00657CA3">
        <w:t>app_</w:t>
      </w:r>
      <w:r>
        <w:t>dfu_v1</w:t>
      </w:r>
      <w:r w:rsidRPr="00657CA3">
        <w:t>.zip</w:t>
      </w:r>
      <w:r>
        <w:t>” được tạo ra.</w:t>
      </w:r>
    </w:p>
    <w:p w14:paraId="50B1189E" w14:textId="77777777" w:rsidR="00FC2531" w:rsidRDefault="00FC2531" w:rsidP="00D83183">
      <w:pPr>
        <w:spacing w:after="0" w:line="240" w:lineRule="auto"/>
      </w:pPr>
    </w:p>
    <w:p w14:paraId="2EAAD3C7" w14:textId="547EDD3D" w:rsidR="008C3202" w:rsidRPr="00F8628D" w:rsidRDefault="00D83183" w:rsidP="00D83183">
      <w:pPr>
        <w:spacing w:after="0" w:line="240" w:lineRule="auto"/>
        <w:rPr>
          <w:b/>
          <w:bCs/>
        </w:rPr>
      </w:pPr>
      <w:r w:rsidRPr="00F8628D">
        <w:rPr>
          <w:b/>
          <w:bCs/>
        </w:rPr>
        <w:t>Chú ý</w:t>
      </w:r>
      <w:r w:rsidR="00FC2531" w:rsidRPr="00F8628D">
        <w:rPr>
          <w:b/>
          <w:bCs/>
        </w:rPr>
        <w:t xml:space="preserve"> trong câu lệnh trên:</w:t>
      </w:r>
    </w:p>
    <w:p w14:paraId="037BBE19" w14:textId="77777777" w:rsidR="003A7AF8" w:rsidRDefault="00CC7C71" w:rsidP="00D83183">
      <w:pPr>
        <w:spacing w:after="0" w:line="240" w:lineRule="auto"/>
      </w:pPr>
      <w:r>
        <w:t>Sửa lại đ</w:t>
      </w:r>
      <w:r w:rsidR="00D83183">
        <w:t xml:space="preserve">ường dẫn </w:t>
      </w:r>
      <w:r w:rsidR="008C3202">
        <w:t>file hex</w:t>
      </w:r>
      <w:r w:rsidR="00D83183">
        <w:t xml:space="preserve"> </w:t>
      </w:r>
      <w:r w:rsidR="00364F6B">
        <w:t xml:space="preserve">của </w:t>
      </w:r>
      <w:r w:rsidR="00D83183">
        <w:t>project chính “</w:t>
      </w:r>
      <w:r w:rsidR="00D83183" w:rsidRPr="00932322">
        <w:rPr>
          <w:color w:val="2E74B5" w:themeColor="accent5" w:themeShade="BF"/>
        </w:rPr>
        <w:t>ble_rfid_reader_rev</w:t>
      </w:r>
      <w:r w:rsidR="00AD6473">
        <w:rPr>
          <w:color w:val="2E74B5" w:themeColor="accent5" w:themeShade="BF"/>
        </w:rPr>
        <w:t>2.1</w:t>
      </w:r>
      <w:r w:rsidR="00D83183" w:rsidRPr="00932322">
        <w:rPr>
          <w:color w:val="2E74B5" w:themeColor="accent5" w:themeShade="BF"/>
        </w:rPr>
        <w:t>_pca10040_s132</w:t>
      </w:r>
      <w:r w:rsidR="008C3202" w:rsidRPr="00932322">
        <w:rPr>
          <w:color w:val="2E74B5" w:themeColor="accent5" w:themeShade="BF"/>
        </w:rPr>
        <w:t>.hex</w:t>
      </w:r>
      <w:r w:rsidR="00D83183">
        <w:t>”</w:t>
      </w:r>
    </w:p>
    <w:p w14:paraId="2D8BC54E" w14:textId="77777777" w:rsidR="003A7AF8" w:rsidRDefault="003A7AF8" w:rsidP="00D83183">
      <w:pPr>
        <w:spacing w:after="0" w:line="240" w:lineRule="auto"/>
      </w:pPr>
      <w:r>
        <w:drawing>
          <wp:inline distT="0" distB="0" distL="0" distR="0" wp14:anchorId="220233FC" wp14:editId="6375EC47">
            <wp:extent cx="5943600" cy="826770"/>
            <wp:effectExtent l="0" t="0" r="0" b="0"/>
            <wp:docPr id="48" name="Picture 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8267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F5D50EF" w14:textId="3DF650EF" w:rsidR="008C3202" w:rsidRDefault="00D83183" w:rsidP="00D83183">
      <w:pPr>
        <w:spacing w:after="0" w:line="240" w:lineRule="auto"/>
      </w:pPr>
      <w:r>
        <w:t xml:space="preserve"> </w:t>
      </w:r>
    </w:p>
    <w:p w14:paraId="265EE7F7" w14:textId="661D0B10" w:rsidR="00D83183" w:rsidRDefault="00CC7C71" w:rsidP="00D83183">
      <w:pPr>
        <w:spacing w:after="0" w:line="240" w:lineRule="auto"/>
      </w:pPr>
      <w:r>
        <w:t>Sửa lại đ</w:t>
      </w:r>
      <w:r w:rsidR="00D83183">
        <w:t xml:space="preserve">ường dẫn của </w:t>
      </w:r>
      <w:r w:rsidR="008C3202">
        <w:t>private key</w:t>
      </w:r>
      <w:r w:rsidR="00D83183">
        <w:t xml:space="preserve"> “</w:t>
      </w:r>
      <w:r w:rsidR="00D83183" w:rsidRPr="00932322">
        <w:rPr>
          <w:color w:val="00B050"/>
        </w:rPr>
        <w:t>dfu_private_key.pem</w:t>
      </w:r>
      <w:r w:rsidR="00D83183">
        <w:t>”</w:t>
      </w:r>
      <w:r w:rsidR="005A55D8">
        <w:t xml:space="preserve"> </w:t>
      </w:r>
    </w:p>
    <w:p w14:paraId="033E5AD4" w14:textId="74F4C14E" w:rsidR="003A7AF8" w:rsidRDefault="003A7AF8" w:rsidP="00D83183">
      <w:pPr>
        <w:spacing w:after="0" w:line="240" w:lineRule="auto"/>
      </w:pPr>
      <w:r>
        <w:drawing>
          <wp:inline distT="0" distB="0" distL="0" distR="0" wp14:anchorId="78BF4840" wp14:editId="09AAB52A">
            <wp:extent cx="5943600" cy="1273810"/>
            <wp:effectExtent l="0" t="0" r="0" b="2540"/>
            <wp:docPr id="49" name="Picture 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5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2738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A8BE40" w14:textId="77777777" w:rsidR="003A7AF8" w:rsidRDefault="003A7AF8" w:rsidP="00D83183">
      <w:pPr>
        <w:spacing w:after="0" w:line="240" w:lineRule="auto"/>
      </w:pPr>
    </w:p>
    <w:p w14:paraId="150CBCBB" w14:textId="0CDA49EF" w:rsidR="00B63554" w:rsidRDefault="008C3202" w:rsidP="00D83183">
      <w:pPr>
        <w:spacing w:after="0" w:line="240" w:lineRule="auto"/>
        <w:rPr>
          <w:color w:val="7030A0"/>
        </w:rPr>
      </w:pPr>
      <w:r>
        <w:t xml:space="preserve">Softdevice đang sử dụng </w:t>
      </w:r>
      <w:r w:rsidRPr="00932322">
        <w:rPr>
          <w:color w:val="7030A0"/>
        </w:rPr>
        <w:t xml:space="preserve">s132 v7.0.1 </w:t>
      </w:r>
      <w:r>
        <w:t xml:space="preserve">có Firmware ID: </w:t>
      </w:r>
      <w:r w:rsidRPr="00932322">
        <w:rPr>
          <w:color w:val="7030A0"/>
        </w:rPr>
        <w:t>0xCB</w:t>
      </w:r>
    </w:p>
    <w:p w14:paraId="2D530209" w14:textId="6481CD30" w:rsidR="00F8628D" w:rsidRDefault="00F8628D" w:rsidP="00D83183">
      <w:pPr>
        <w:spacing w:after="0" w:line="240" w:lineRule="auto"/>
        <w:rPr>
          <w:color w:val="7030A0"/>
        </w:rPr>
      </w:pPr>
    </w:p>
    <w:p w14:paraId="62A993EF" w14:textId="07C9A805" w:rsidR="00F8628D" w:rsidRPr="00F8628D" w:rsidRDefault="00F8628D" w:rsidP="00D83183">
      <w:pPr>
        <w:spacing w:after="0" w:line="240" w:lineRule="auto"/>
        <w:rPr>
          <w:b/>
          <w:bCs/>
        </w:rPr>
      </w:pPr>
      <w:r w:rsidRPr="00F8628D">
        <w:rPr>
          <w:b/>
          <w:bCs/>
        </w:rPr>
        <w:t>Thông tin thêm:</w:t>
      </w:r>
    </w:p>
    <w:p w14:paraId="716BF7F5" w14:textId="21A2A6FA" w:rsidR="00B63554" w:rsidRDefault="00B63554" w:rsidP="00D83183">
      <w:pPr>
        <w:spacing w:after="0" w:line="240" w:lineRule="auto"/>
      </w:pPr>
      <w:r>
        <w:t>Một số Firmware ID khác:</w:t>
      </w:r>
    </w:p>
    <w:p w14:paraId="1C1096BA" w14:textId="77777777" w:rsidR="00B63554" w:rsidRDefault="00B63554" w:rsidP="00B63554">
      <w:pPr>
        <w:spacing w:after="0" w:line="240" w:lineRule="auto"/>
      </w:pPr>
      <w:r>
        <w:t xml:space="preserve">                                  |s132_nrf52_6.1.1|0xB7|</w:t>
      </w:r>
    </w:p>
    <w:p w14:paraId="43731AA3" w14:textId="77777777" w:rsidR="00B63554" w:rsidRDefault="00B63554" w:rsidP="00B63554">
      <w:pPr>
        <w:spacing w:after="0" w:line="240" w:lineRule="auto"/>
      </w:pPr>
      <w:r>
        <w:t xml:space="preserve">                                  |s132_nrf52_7.0.0|0xC2|</w:t>
      </w:r>
    </w:p>
    <w:p w14:paraId="31D1BA7B" w14:textId="77777777" w:rsidR="00B63554" w:rsidRDefault="00B63554" w:rsidP="00B63554">
      <w:pPr>
        <w:spacing w:after="0" w:line="240" w:lineRule="auto"/>
      </w:pPr>
      <w:r>
        <w:t xml:space="preserve">                                  |s132_nrf52_7.0.1|0xCB|</w:t>
      </w:r>
    </w:p>
    <w:p w14:paraId="56454209" w14:textId="5BE67725" w:rsidR="008C3202" w:rsidRDefault="00B63554" w:rsidP="00D83183">
      <w:pPr>
        <w:spacing w:after="0" w:line="240" w:lineRule="auto"/>
      </w:pPr>
      <w:r>
        <w:t xml:space="preserve">                                  |s140_nrf52_6.0.0|0xA9|</w:t>
      </w:r>
    </w:p>
    <w:p w14:paraId="480EB36A" w14:textId="37F00A60" w:rsidR="00B63554" w:rsidRDefault="008C3202" w:rsidP="00D83183">
      <w:pPr>
        <w:spacing w:after="0" w:line="240" w:lineRule="auto"/>
      </w:pPr>
      <w:r>
        <w:t>Để biết Firmware ID của các softdevice và các phiên bản khác nhau thì tham khảo</w:t>
      </w:r>
      <w:r w:rsidR="001C3866">
        <w:t>:</w:t>
      </w:r>
      <w:r>
        <w:t xml:space="preserve"> </w:t>
      </w:r>
      <w:r w:rsidRPr="008C3202">
        <w:t>D:\sdk_v16\components\softdevice\s132\doc\s132_nrf52_7.0.1_release-notes.pdf</w:t>
      </w:r>
    </w:p>
    <w:p w14:paraId="0ECADC3F" w14:textId="77777777" w:rsidR="001C3866" w:rsidRDefault="001C3866" w:rsidP="00D83183">
      <w:pPr>
        <w:spacing w:after="0" w:line="240" w:lineRule="auto"/>
      </w:pPr>
    </w:p>
    <w:p w14:paraId="4436B68A" w14:textId="77777777" w:rsidR="00717B92" w:rsidRDefault="00717B92">
      <w:pPr>
        <w:rPr>
          <w:b/>
          <w:bCs/>
        </w:rPr>
      </w:pPr>
      <w:r>
        <w:rPr>
          <w:b/>
          <w:bCs/>
        </w:rPr>
        <w:br w:type="page"/>
      </w:r>
    </w:p>
    <w:p w14:paraId="360F5D61" w14:textId="38CAE7FE" w:rsidR="00B63554" w:rsidRDefault="00B63554" w:rsidP="00D83183">
      <w:pPr>
        <w:spacing w:after="0" w:line="240" w:lineRule="auto"/>
        <w:rPr>
          <w:b/>
          <w:bCs/>
        </w:rPr>
      </w:pPr>
      <w:r w:rsidRPr="00FC2531">
        <w:rPr>
          <w:b/>
          <w:bCs/>
        </w:rPr>
        <w:lastRenderedPageBreak/>
        <w:t xml:space="preserve">Bước 4: DFU </w:t>
      </w:r>
      <w:r w:rsidR="00051C7C">
        <w:rPr>
          <w:b/>
          <w:bCs/>
        </w:rPr>
        <w:t>trên</w:t>
      </w:r>
      <w:r w:rsidRPr="00FC2531">
        <w:rPr>
          <w:b/>
          <w:bCs/>
        </w:rPr>
        <w:t xml:space="preserve"> app nRF</w:t>
      </w:r>
      <w:r w:rsidR="00BD2442">
        <w:rPr>
          <w:b/>
          <w:bCs/>
        </w:rPr>
        <w:t xml:space="preserve"> </w:t>
      </w:r>
      <w:r w:rsidRPr="00FC2531">
        <w:rPr>
          <w:b/>
          <w:bCs/>
        </w:rPr>
        <w:t>Connect</w:t>
      </w:r>
      <w:r w:rsidR="00051C7C">
        <w:rPr>
          <w:b/>
          <w:bCs/>
        </w:rPr>
        <w:t xml:space="preserve"> </w:t>
      </w:r>
    </w:p>
    <w:p w14:paraId="3D40ABEF" w14:textId="5E3F7ED0" w:rsidR="00210F3B" w:rsidRDefault="00210F3B" w:rsidP="00D83183">
      <w:pPr>
        <w:spacing w:after="0" w:line="240" w:lineRule="auto"/>
        <w:rPr>
          <w:b/>
          <w:bCs/>
        </w:rPr>
      </w:pPr>
    </w:p>
    <w:p w14:paraId="44F0D7D7" w14:textId="754CAEDE" w:rsidR="00F8628D" w:rsidRPr="00F8628D" w:rsidRDefault="00F8628D" w:rsidP="00D83183">
      <w:pPr>
        <w:spacing w:after="0" w:line="240" w:lineRule="auto"/>
      </w:pPr>
      <w:r>
        <w:t>Tháo hết các kết nối dây nạp code ở bước 2.</w:t>
      </w:r>
    </w:p>
    <w:p w14:paraId="1215E641" w14:textId="471E5B11" w:rsidR="00291FA8" w:rsidRDefault="000B33CC" w:rsidP="00D83183">
      <w:pPr>
        <w:spacing w:after="0" w:line="240" w:lineRule="auto"/>
      </w:pPr>
      <w:r>
        <w:t>C</w:t>
      </w:r>
      <w:r w:rsidR="00F8628D">
        <w:t xml:space="preserve">ắm cáp USB kết nối </w:t>
      </w:r>
      <w:r w:rsidR="00210F3B" w:rsidRPr="00A67198">
        <w:t xml:space="preserve">Board NRF52 </w:t>
      </w:r>
      <w:r w:rsidR="00F8628D">
        <w:t>PCA10040</w:t>
      </w:r>
      <w:r w:rsidR="00210F3B" w:rsidRPr="00A67198">
        <w:t xml:space="preserve"> vào PC</w:t>
      </w:r>
      <w:r w:rsidR="007E075C">
        <w:t>.</w:t>
      </w:r>
    </w:p>
    <w:p w14:paraId="197C52E2" w14:textId="0F0F3BAC" w:rsidR="00F8628D" w:rsidRDefault="00DC3DCD" w:rsidP="00D83183">
      <w:pPr>
        <w:spacing w:after="0" w:line="240" w:lineRule="auto"/>
      </w:pPr>
      <w:r>
        <w:t>B</w:t>
      </w:r>
      <w:r w:rsidR="00F8628D">
        <w:t>oard Custom chỉ kết nối với Battery</w:t>
      </w:r>
      <w:r w:rsidR="00E05B8D">
        <w:t>.</w:t>
      </w:r>
    </w:p>
    <w:p w14:paraId="71168C62" w14:textId="77777777" w:rsidR="00291FA8" w:rsidRDefault="00291FA8" w:rsidP="00D83183">
      <w:pPr>
        <w:spacing w:after="0" w:line="240" w:lineRule="auto"/>
      </w:pPr>
    </w:p>
    <w:p w14:paraId="2717E13A" w14:textId="45B40E34" w:rsidR="004C0F00" w:rsidRPr="00A67198" w:rsidRDefault="004C0F00" w:rsidP="00D83183">
      <w:pPr>
        <w:spacing w:after="0" w:line="240" w:lineRule="auto"/>
      </w:pPr>
      <w:r>
        <w:drawing>
          <wp:inline distT="0" distB="0" distL="0" distR="0" wp14:anchorId="42769E47" wp14:editId="4FD26D92">
            <wp:extent cx="3005898" cy="2254102"/>
            <wp:effectExtent l="0" t="0" r="4445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4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33042" cy="22744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291FA8">
        <w:t xml:space="preserve"> </w:t>
      </w:r>
      <w:r w:rsidR="00E05B8D">
        <w:tab/>
      </w:r>
      <w:r w:rsidR="00E05B8D" w:rsidRPr="00E05B8D">
        <w:t xml:space="preserve"> </w:t>
      </w:r>
      <w:r w:rsidR="00E05B8D">
        <w:drawing>
          <wp:inline distT="0" distB="0" distL="0" distR="0" wp14:anchorId="2AA5CCF7" wp14:editId="24575712">
            <wp:extent cx="2253200" cy="2232763"/>
            <wp:effectExtent l="0" t="0" r="0" b="0"/>
            <wp:docPr id="31" name="Picture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 rotWithShape="1">
                    <a:blip r:embed="rId4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2071" b="31876"/>
                    <a:stretch/>
                  </pic:blipFill>
                  <pic:spPr bwMode="auto">
                    <a:xfrm>
                      <a:off x="0" y="0"/>
                      <a:ext cx="2258368" cy="22378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EDC9264" w14:textId="1B4E19C6" w:rsidR="00210F3B" w:rsidRDefault="00210F3B" w:rsidP="00D83183">
      <w:pPr>
        <w:spacing w:after="0" w:line="240" w:lineRule="auto"/>
        <w:rPr>
          <w:b/>
          <w:bCs/>
        </w:rPr>
      </w:pPr>
    </w:p>
    <w:p w14:paraId="1E3F845E" w14:textId="7B2B6296" w:rsidR="00E05B8D" w:rsidRPr="00E05B8D" w:rsidRDefault="00E05B8D" w:rsidP="00D83183">
      <w:pPr>
        <w:spacing w:after="0" w:line="240" w:lineRule="auto"/>
      </w:pPr>
      <w:r>
        <w:t>Mở app nRF Conncet trên Desktop.</w:t>
      </w:r>
      <w:r w:rsidR="007E075C">
        <w:t xml:space="preserve"> Ở mục Bluetooth Low Energy chọn Open </w:t>
      </w:r>
    </w:p>
    <w:p w14:paraId="64D29CB6" w14:textId="5F2ECB57" w:rsidR="00FC2531" w:rsidRDefault="00210F3B" w:rsidP="00D83183">
      <w:pPr>
        <w:spacing w:after="0" w:line="240" w:lineRule="auto"/>
      </w:pPr>
      <w:r>
        <w:drawing>
          <wp:inline distT="0" distB="0" distL="0" distR="0" wp14:anchorId="35037D94" wp14:editId="05C00217">
            <wp:extent cx="5943600" cy="1446028"/>
            <wp:effectExtent l="0" t="0" r="0" b="1905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48"/>
                    <a:srcRect b="39404"/>
                    <a:stretch/>
                  </pic:blipFill>
                  <pic:spPr bwMode="auto">
                    <a:xfrm>
                      <a:off x="0" y="0"/>
                      <a:ext cx="5943600" cy="144602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8C6DC95" w14:textId="14FE28EF" w:rsidR="00210F3B" w:rsidRDefault="00210F3B" w:rsidP="00D83183">
      <w:pPr>
        <w:spacing w:after="0" w:line="240" w:lineRule="auto"/>
      </w:pPr>
    </w:p>
    <w:p w14:paraId="75751E34" w14:textId="1AFFEA47" w:rsidR="007E075C" w:rsidRDefault="007E075C" w:rsidP="00D83183">
      <w:pPr>
        <w:spacing w:after="0" w:line="240" w:lineRule="auto"/>
      </w:pPr>
      <w:r>
        <w:t>Chọn Select device(1) rồi chọn PCA10040 Serial port COM13 (2)</w:t>
      </w:r>
    </w:p>
    <w:p w14:paraId="574D523E" w14:textId="0D2939CB" w:rsidR="00210F3B" w:rsidRDefault="00210F3B" w:rsidP="00D83183">
      <w:pPr>
        <w:spacing w:after="0" w:line="240" w:lineRule="auto"/>
      </w:pPr>
      <w:r>
        <w:drawing>
          <wp:inline distT="0" distB="0" distL="0" distR="0" wp14:anchorId="019ADECA" wp14:editId="646BBFF9">
            <wp:extent cx="5942969" cy="1820849"/>
            <wp:effectExtent l="0" t="0" r="635" b="8255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49"/>
                    <a:srcRect t="-1" b="34913"/>
                    <a:stretch/>
                  </pic:blipFill>
                  <pic:spPr bwMode="auto">
                    <a:xfrm>
                      <a:off x="0" y="0"/>
                      <a:ext cx="5943600" cy="1821042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791DB9B5" w14:textId="6776AA51" w:rsidR="00FC2531" w:rsidRDefault="00FC2531" w:rsidP="00D83183">
      <w:pPr>
        <w:spacing w:after="0" w:line="240" w:lineRule="auto"/>
      </w:pPr>
    </w:p>
    <w:p w14:paraId="32E5A0E5" w14:textId="77777777" w:rsidR="00DB6D40" w:rsidRDefault="00DB6D40" w:rsidP="00D83183">
      <w:pPr>
        <w:spacing w:after="0" w:line="240" w:lineRule="auto"/>
      </w:pPr>
    </w:p>
    <w:p w14:paraId="591162AC" w14:textId="0B034365" w:rsidR="00DB6D40" w:rsidRDefault="00DB6D40" w:rsidP="00D83183">
      <w:pPr>
        <w:spacing w:after="0" w:line="240" w:lineRule="auto"/>
      </w:pPr>
    </w:p>
    <w:p w14:paraId="173D242E" w14:textId="1FA1ABD0" w:rsidR="00DB6D40" w:rsidRDefault="00DB6D40" w:rsidP="00D83183">
      <w:pPr>
        <w:spacing w:after="0" w:line="240" w:lineRule="auto"/>
      </w:pPr>
    </w:p>
    <w:p w14:paraId="18491FC2" w14:textId="48541D1C" w:rsidR="00DB6D40" w:rsidRDefault="00DB6D40" w:rsidP="00D83183">
      <w:pPr>
        <w:spacing w:after="0" w:line="240" w:lineRule="auto"/>
      </w:pPr>
    </w:p>
    <w:p w14:paraId="5DED8786" w14:textId="2F1C4EE9" w:rsidR="00DB6D40" w:rsidRDefault="00DB6D40" w:rsidP="00D83183">
      <w:pPr>
        <w:spacing w:after="0" w:line="240" w:lineRule="auto"/>
      </w:pPr>
      <w:r>
        <w:lastRenderedPageBreak/>
        <w:t>Chọn Start scan</w:t>
      </w:r>
    </w:p>
    <w:p w14:paraId="4E70CC14" w14:textId="2E5A4B8E" w:rsidR="00A67198" w:rsidRDefault="00A67198" w:rsidP="00D83183">
      <w:pPr>
        <w:spacing w:after="0" w:line="240" w:lineRule="auto"/>
      </w:pPr>
      <w:r>
        <w:drawing>
          <wp:inline distT="0" distB="0" distL="0" distR="0" wp14:anchorId="6B9E8E06" wp14:editId="20DC0E65">
            <wp:extent cx="5943600" cy="1875155"/>
            <wp:effectExtent l="0" t="0" r="0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8751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0C1A9C8" w14:textId="77777777" w:rsidR="00A67198" w:rsidRDefault="00A67198" w:rsidP="00D83183">
      <w:pPr>
        <w:spacing w:after="0" w:line="240" w:lineRule="auto"/>
      </w:pPr>
    </w:p>
    <w:p w14:paraId="5D267B83" w14:textId="1B8494DD" w:rsidR="00DB6D40" w:rsidRDefault="00DB6D40" w:rsidP="00D83183">
      <w:pPr>
        <w:spacing w:after="0" w:line="240" w:lineRule="auto"/>
      </w:pPr>
      <w:r>
        <w:t>Chọn thiết bị đang advertising có tên DfuTarg và nhấn nút Connect</w:t>
      </w:r>
    </w:p>
    <w:p w14:paraId="6D1858F8" w14:textId="70596D82" w:rsidR="00FF1667" w:rsidRDefault="00FF1667" w:rsidP="00D83183">
      <w:pPr>
        <w:spacing w:after="0" w:line="240" w:lineRule="auto"/>
      </w:pPr>
      <w:r>
        <w:drawing>
          <wp:inline distT="0" distB="0" distL="0" distR="0" wp14:anchorId="181CBDE5" wp14:editId="461F403C">
            <wp:extent cx="5942560" cy="1311215"/>
            <wp:effectExtent l="0" t="0" r="1270" b="381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 rotWithShape="1">
                    <a:blip r:embed="rId5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" b="60751"/>
                    <a:stretch/>
                  </pic:blipFill>
                  <pic:spPr bwMode="auto">
                    <a:xfrm>
                      <a:off x="0" y="0"/>
                      <a:ext cx="5943600" cy="13114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31CB13C1" w14:textId="77777777" w:rsidR="00DB6D40" w:rsidRDefault="00DB6D40" w:rsidP="00D83183">
      <w:pPr>
        <w:spacing w:after="0" w:line="240" w:lineRule="auto"/>
      </w:pPr>
    </w:p>
    <w:p w14:paraId="62048D0F" w14:textId="0852ECF7" w:rsidR="00FF1667" w:rsidRDefault="00DB6D40" w:rsidP="00D83183">
      <w:pPr>
        <w:spacing w:after="0" w:line="240" w:lineRule="auto"/>
      </w:pPr>
      <w:r>
        <w:t>Nhấn nút Start Secure DFU</w:t>
      </w:r>
    </w:p>
    <w:p w14:paraId="153DD62D" w14:textId="2E459476" w:rsidR="00FF1667" w:rsidRDefault="00FF1667" w:rsidP="00D83183">
      <w:pPr>
        <w:spacing w:after="0" w:line="240" w:lineRule="auto"/>
      </w:pPr>
      <w:r>
        <w:drawing>
          <wp:inline distT="0" distB="0" distL="0" distR="0" wp14:anchorId="469D3D80" wp14:editId="1FD8D169">
            <wp:extent cx="5942738" cy="1500996"/>
            <wp:effectExtent l="0" t="0" r="1270" b="444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 rotWithShape="1">
                    <a:blip r:embed="rId5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55072"/>
                    <a:stretch/>
                  </pic:blipFill>
                  <pic:spPr bwMode="auto">
                    <a:xfrm>
                      <a:off x="0" y="0"/>
                      <a:ext cx="5943600" cy="15012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14459E3" w14:textId="5FFAD3F7" w:rsidR="00DB6D40" w:rsidRDefault="00DB6D40" w:rsidP="00D83183">
      <w:pPr>
        <w:spacing w:after="0" w:line="240" w:lineRule="auto"/>
      </w:pPr>
    </w:p>
    <w:p w14:paraId="34A293B5" w14:textId="6BCBFB6B" w:rsidR="00DB6D40" w:rsidRDefault="00DB6D40" w:rsidP="00D83183">
      <w:pPr>
        <w:spacing w:after="0" w:line="240" w:lineRule="auto"/>
      </w:pPr>
      <w:r>
        <w:t>Chọn file zip “app_dfu_v1” đã tạo ra ở Bước 3</w:t>
      </w:r>
    </w:p>
    <w:p w14:paraId="0DEE9C7F" w14:textId="11FB3CA4" w:rsidR="00FF1667" w:rsidRDefault="00FF1667" w:rsidP="00D83183">
      <w:pPr>
        <w:spacing w:after="0" w:line="240" w:lineRule="auto"/>
      </w:pPr>
      <w:r>
        <w:drawing>
          <wp:inline distT="0" distB="0" distL="0" distR="0" wp14:anchorId="3B7BB501" wp14:editId="3D1B2079">
            <wp:extent cx="5943600" cy="2251495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 rotWithShape="1">
                    <a:blip r:embed="rId5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2617"/>
                    <a:stretch/>
                  </pic:blipFill>
                  <pic:spPr bwMode="auto">
                    <a:xfrm>
                      <a:off x="0" y="0"/>
                      <a:ext cx="5943600" cy="22514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E319DCF" w14:textId="38FDB663" w:rsidR="001D0E2E" w:rsidRDefault="001D0E2E" w:rsidP="00D83183">
      <w:pPr>
        <w:spacing w:after="0" w:line="240" w:lineRule="auto"/>
      </w:pPr>
      <w:r>
        <w:lastRenderedPageBreak/>
        <w:t>Nhấn nút Start DFU</w:t>
      </w:r>
    </w:p>
    <w:p w14:paraId="6D6FED89" w14:textId="336C5625" w:rsidR="00CD01A6" w:rsidRDefault="00CD01A6" w:rsidP="00D83183">
      <w:pPr>
        <w:spacing w:after="0" w:line="240" w:lineRule="auto"/>
      </w:pPr>
      <w:r>
        <w:drawing>
          <wp:inline distT="0" distB="0" distL="0" distR="0" wp14:anchorId="26D938B7" wp14:editId="590EA2D5">
            <wp:extent cx="5943414" cy="1751162"/>
            <wp:effectExtent l="0" t="0" r="635" b="190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 rotWithShape="1">
                    <a:blip r:embed="rId5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7590"/>
                    <a:stretch/>
                  </pic:blipFill>
                  <pic:spPr bwMode="auto">
                    <a:xfrm>
                      <a:off x="0" y="0"/>
                      <a:ext cx="5943600" cy="17512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390F891C" w14:textId="68AF2A8A" w:rsidR="001C3866" w:rsidRDefault="001C3866" w:rsidP="00D83183">
      <w:pPr>
        <w:spacing w:after="0" w:line="240" w:lineRule="auto"/>
      </w:pPr>
    </w:p>
    <w:p w14:paraId="22FFEAA5" w14:textId="067A4EB6" w:rsidR="001D0E2E" w:rsidRDefault="001D0E2E" w:rsidP="00D83183">
      <w:pPr>
        <w:spacing w:after="0" w:line="240" w:lineRule="auto"/>
      </w:pPr>
      <w:r>
        <w:t>Quá trình DFU đang diễn ra và kết thúc khi Progress đạt 100% (mất khoảng 30 giây đến 1 phút)</w:t>
      </w:r>
    </w:p>
    <w:p w14:paraId="1B9C6A8D" w14:textId="566E59CE" w:rsidR="008C3202" w:rsidRDefault="00CD01A6" w:rsidP="00D83183">
      <w:pPr>
        <w:spacing w:after="0" w:line="240" w:lineRule="auto"/>
      </w:pPr>
      <w:r>
        <w:drawing>
          <wp:inline distT="0" distB="0" distL="0" distR="0" wp14:anchorId="133C17A1" wp14:editId="4D8084AA">
            <wp:extent cx="5943600" cy="3183147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 rotWithShape="1">
                    <a:blip r:embed="rId5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717"/>
                    <a:stretch/>
                  </pic:blipFill>
                  <pic:spPr bwMode="auto">
                    <a:xfrm>
                      <a:off x="0" y="0"/>
                      <a:ext cx="5943600" cy="318314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AAC362C" w14:textId="7AFA2EDD" w:rsidR="001C3866" w:rsidRDefault="001C3866" w:rsidP="00D83183">
      <w:pPr>
        <w:spacing w:after="0" w:line="240" w:lineRule="auto"/>
      </w:pPr>
    </w:p>
    <w:p w14:paraId="6AE4BFBB" w14:textId="5C77D81F" w:rsidR="001D0E2E" w:rsidRDefault="001D0E2E" w:rsidP="00D83183">
      <w:pPr>
        <w:spacing w:after="0" w:line="240" w:lineRule="auto"/>
      </w:pPr>
      <w:r>
        <w:t>Sau khi Scan lại, Board Custom sẽ phát advertising dưới tên mới là OSS_RFIDR</w:t>
      </w:r>
    </w:p>
    <w:p w14:paraId="78D49E5B" w14:textId="0E5C6D41" w:rsidR="00C9435E" w:rsidRDefault="00DE3AF4" w:rsidP="00D83183">
      <w:pPr>
        <w:spacing w:after="0" w:line="240" w:lineRule="auto"/>
      </w:pPr>
      <w:r>
        <w:drawing>
          <wp:inline distT="0" distB="0" distL="0" distR="0" wp14:anchorId="6C404852" wp14:editId="0FFF56A6">
            <wp:extent cx="5943255" cy="1749177"/>
            <wp:effectExtent l="0" t="0" r="635" b="3810"/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 rotWithShape="1">
                    <a:blip r:embed="rId5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692" b="37965"/>
                    <a:stretch/>
                  </pic:blipFill>
                  <pic:spPr bwMode="auto">
                    <a:xfrm>
                      <a:off x="0" y="0"/>
                      <a:ext cx="5943600" cy="17492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614992C5" w14:textId="77777777" w:rsidR="00717B92" w:rsidRDefault="00717B92" w:rsidP="00D83183">
      <w:pPr>
        <w:spacing w:after="0" w:line="240" w:lineRule="auto"/>
      </w:pPr>
    </w:p>
    <w:p w14:paraId="75AEA350" w14:textId="77777777" w:rsidR="001D73BD" w:rsidRDefault="001D73BD">
      <w:r>
        <w:br w:type="page"/>
      </w:r>
    </w:p>
    <w:p w14:paraId="6E1DC828" w14:textId="74A84010" w:rsidR="002970A4" w:rsidRDefault="00C9435E" w:rsidP="00D83183">
      <w:pPr>
        <w:spacing w:after="0" w:line="240" w:lineRule="auto"/>
      </w:pPr>
      <w:r>
        <w:lastRenderedPageBreak/>
        <w:t xml:space="preserve">Có thể dùng app mobile như nRF Connect hoặc nRF Toolbox để nạp code DFU tương tự </w:t>
      </w:r>
      <w:r w:rsidR="00FE57F0">
        <w:t>bước 4</w:t>
      </w:r>
      <w:r>
        <w:t>.</w:t>
      </w:r>
    </w:p>
    <w:p w14:paraId="483A55A6" w14:textId="38A7A1B3" w:rsidR="001D73BD" w:rsidRDefault="002970A4" w:rsidP="00D83183">
      <w:pPr>
        <w:spacing w:after="0" w:line="240" w:lineRule="auto"/>
      </w:pPr>
      <w:r>
        <w:t xml:space="preserve">Sau bước 4 để nạp firmware mới thì bỏ qua bước 1 và bước 2, chỉ cần thực hiện lại bước 3 và bước </w:t>
      </w:r>
      <w:r w:rsidR="001D73BD">
        <w:t>4.</w:t>
      </w:r>
    </w:p>
    <w:p w14:paraId="41C5B990" w14:textId="77777777" w:rsidR="001D73BD" w:rsidRDefault="001D73BD" w:rsidP="00D83183">
      <w:pPr>
        <w:spacing w:after="0" w:line="240" w:lineRule="auto"/>
      </w:pPr>
    </w:p>
    <w:p w14:paraId="28C8CA0F" w14:textId="00F4935B" w:rsidR="009B7610" w:rsidRDefault="00C9435E" w:rsidP="00D83183">
      <w:pPr>
        <w:spacing w:after="0" w:line="240" w:lineRule="auto"/>
      </w:pPr>
      <w:r w:rsidRPr="009B7610">
        <w:rPr>
          <w:b/>
          <w:bCs/>
        </w:rPr>
        <w:t>Lưu ý:</w:t>
      </w:r>
      <w:r>
        <w:t xml:space="preserve"> </w:t>
      </w:r>
    </w:p>
    <w:p w14:paraId="061DE379" w14:textId="086EABA7" w:rsidR="00C9435E" w:rsidRDefault="009B7610" w:rsidP="00D83183">
      <w:pPr>
        <w:spacing w:after="0" w:line="240" w:lineRule="auto"/>
      </w:pPr>
      <w:r>
        <w:t>C</w:t>
      </w:r>
      <w:r w:rsidR="00C9435E">
        <w:t xml:space="preserve">ác file zip dùng để update firmware sau này phải </w:t>
      </w:r>
      <w:r w:rsidR="00297FC6">
        <w:t>được tạo nên từ cùng 1</w:t>
      </w:r>
      <w:r w:rsidR="00C9435E">
        <w:t xml:space="preserve"> file private key “</w:t>
      </w:r>
      <w:r w:rsidR="00C9435E" w:rsidRPr="001C3866">
        <w:t>dfu_private_key.pem”</w:t>
      </w:r>
      <w:r w:rsidR="00C9435E">
        <w:t xml:space="preserve"> nếu không</w:t>
      </w:r>
      <w:r w:rsidR="00D42165">
        <w:t xml:space="preserve"> khi nhấn Start DFU</w:t>
      </w:r>
      <w:r w:rsidR="00C9435E">
        <w:t xml:space="preserve"> sẽ báo lỗi như sau:</w:t>
      </w:r>
    </w:p>
    <w:p w14:paraId="1674DBF2" w14:textId="77777777" w:rsidR="00297FC6" w:rsidRDefault="00297FC6" w:rsidP="00D83183">
      <w:pPr>
        <w:spacing w:after="0" w:line="240" w:lineRule="auto"/>
      </w:pPr>
    </w:p>
    <w:p w14:paraId="17A5165D" w14:textId="14B602C2" w:rsidR="00297FC6" w:rsidRDefault="00297FC6" w:rsidP="00D83183">
      <w:pPr>
        <w:spacing w:after="0" w:line="240" w:lineRule="auto"/>
      </w:pPr>
      <w:r>
        <w:drawing>
          <wp:inline distT="0" distB="0" distL="0" distR="0" wp14:anchorId="63BD3AB3" wp14:editId="593F5723">
            <wp:extent cx="5943600" cy="1901952"/>
            <wp:effectExtent l="0" t="0" r="0" b="3175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 rotWithShape="1">
                    <a:blip r:embed="rId5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3079"/>
                    <a:stretch/>
                  </pic:blipFill>
                  <pic:spPr bwMode="auto">
                    <a:xfrm>
                      <a:off x="0" y="0"/>
                      <a:ext cx="5943600" cy="19019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7AF4B70F" w14:textId="6D4AF652" w:rsidR="00C9435E" w:rsidRDefault="00297FC6" w:rsidP="00D83183">
      <w:pPr>
        <w:spacing w:after="0" w:line="240" w:lineRule="auto"/>
      </w:pPr>
      <w:r>
        <w:t>Private key không tương thích nên không Update được</w:t>
      </w:r>
    </w:p>
    <w:p w14:paraId="6FD8A823" w14:textId="65B74CC2" w:rsidR="005A55D8" w:rsidRDefault="005A55D8" w:rsidP="00D83183">
      <w:pPr>
        <w:spacing w:after="0" w:line="240" w:lineRule="auto"/>
      </w:pPr>
    </w:p>
    <w:p w14:paraId="0AC64A03" w14:textId="2FA109BA" w:rsidR="00054592" w:rsidRDefault="00054592" w:rsidP="00D83183">
      <w:pPr>
        <w:spacing w:after="0" w:line="240" w:lineRule="auto"/>
      </w:pPr>
    </w:p>
    <w:p w14:paraId="43FEA9D8" w14:textId="1BC695BE" w:rsidR="001350D9" w:rsidRDefault="001350D9" w:rsidP="00D83183">
      <w:pPr>
        <w:spacing w:after="0" w:line="240" w:lineRule="auto"/>
      </w:pPr>
    </w:p>
    <w:p w14:paraId="6CD34847" w14:textId="77777777" w:rsidR="00297FC6" w:rsidRDefault="00297FC6" w:rsidP="00D83183">
      <w:pPr>
        <w:spacing w:after="0" w:line="240" w:lineRule="auto"/>
      </w:pPr>
    </w:p>
    <w:p w14:paraId="19EDA05A" w14:textId="77777777" w:rsidR="00C9435E" w:rsidRDefault="00C9435E" w:rsidP="00D83183">
      <w:pPr>
        <w:spacing w:after="0" w:line="240" w:lineRule="auto"/>
      </w:pPr>
    </w:p>
    <w:p w14:paraId="77ECE529" w14:textId="77777777" w:rsidR="008C3202" w:rsidRDefault="008C3202" w:rsidP="00D83183">
      <w:pPr>
        <w:spacing w:after="0" w:line="240" w:lineRule="auto"/>
      </w:pPr>
    </w:p>
    <w:p w14:paraId="4EDF3392" w14:textId="2FFA52E8" w:rsidR="00657CA3" w:rsidRDefault="00657CA3" w:rsidP="00C9435E"/>
    <w:p w14:paraId="444FF1AC" w14:textId="764E9D11" w:rsidR="00D4202B" w:rsidRDefault="00D4202B" w:rsidP="004E0B0C">
      <w:pPr>
        <w:spacing w:after="0" w:line="240" w:lineRule="auto"/>
      </w:pPr>
    </w:p>
    <w:p w14:paraId="0FCAFD71" w14:textId="79699890" w:rsidR="00917FDC" w:rsidRDefault="00917FDC" w:rsidP="004E0B0C">
      <w:pPr>
        <w:spacing w:after="0" w:line="240" w:lineRule="auto"/>
      </w:pPr>
    </w:p>
    <w:p w14:paraId="630EB536" w14:textId="77777777" w:rsidR="00917FDC" w:rsidRDefault="00917FDC" w:rsidP="004E0B0C">
      <w:pPr>
        <w:spacing w:after="0" w:line="240" w:lineRule="auto"/>
      </w:pPr>
    </w:p>
    <w:sectPr w:rsidR="00917FDC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7987525"/>
    <w:multiLevelType w:val="hybridMultilevel"/>
    <w:tmpl w:val="B2BEA8B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3EE8182F"/>
    <w:multiLevelType w:val="hybridMultilevel"/>
    <w:tmpl w:val="92600EB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43427D59"/>
    <w:multiLevelType w:val="hybridMultilevel"/>
    <w:tmpl w:val="56B8685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7C2D2631"/>
    <w:multiLevelType w:val="hybridMultilevel"/>
    <w:tmpl w:val="F186461A"/>
    <w:lvl w:ilvl="0" w:tplc="A0C67A22">
      <w:start w:val="1"/>
      <w:numFmt w:val="decimal"/>
      <w:lvlText w:val="(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2"/>
  </w:num>
  <w:num w:numId="3">
    <w:abstractNumId w:val="0"/>
  </w:num>
  <w:num w:numId="4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E0B0C"/>
    <w:rsid w:val="000370F7"/>
    <w:rsid w:val="00051C7C"/>
    <w:rsid w:val="0005298D"/>
    <w:rsid w:val="00054592"/>
    <w:rsid w:val="000905D5"/>
    <w:rsid w:val="00091351"/>
    <w:rsid w:val="000B33CC"/>
    <w:rsid w:val="00104DAA"/>
    <w:rsid w:val="001350D9"/>
    <w:rsid w:val="00186583"/>
    <w:rsid w:val="001B70B6"/>
    <w:rsid w:val="001C36AF"/>
    <w:rsid w:val="001C3866"/>
    <w:rsid w:val="001D0E2E"/>
    <w:rsid w:val="001D73BD"/>
    <w:rsid w:val="002014FE"/>
    <w:rsid w:val="00206D71"/>
    <w:rsid w:val="00210F3B"/>
    <w:rsid w:val="00223258"/>
    <w:rsid w:val="00244F3A"/>
    <w:rsid w:val="00291FA8"/>
    <w:rsid w:val="002970A4"/>
    <w:rsid w:val="00297FC6"/>
    <w:rsid w:val="002C4D7E"/>
    <w:rsid w:val="002C5649"/>
    <w:rsid w:val="002E0F12"/>
    <w:rsid w:val="00300226"/>
    <w:rsid w:val="003272FB"/>
    <w:rsid w:val="003315F9"/>
    <w:rsid w:val="00344C10"/>
    <w:rsid w:val="00364F6B"/>
    <w:rsid w:val="0036571E"/>
    <w:rsid w:val="0037250F"/>
    <w:rsid w:val="003A7AF8"/>
    <w:rsid w:val="003D3968"/>
    <w:rsid w:val="003F6F6A"/>
    <w:rsid w:val="004110CC"/>
    <w:rsid w:val="0041696C"/>
    <w:rsid w:val="004B37A5"/>
    <w:rsid w:val="004C0F00"/>
    <w:rsid w:val="004E0B0C"/>
    <w:rsid w:val="005418CC"/>
    <w:rsid w:val="00565D6C"/>
    <w:rsid w:val="005813C6"/>
    <w:rsid w:val="00582C3B"/>
    <w:rsid w:val="00584691"/>
    <w:rsid w:val="005A55D8"/>
    <w:rsid w:val="005E6D84"/>
    <w:rsid w:val="005F2341"/>
    <w:rsid w:val="0061626C"/>
    <w:rsid w:val="00624B90"/>
    <w:rsid w:val="00634CBD"/>
    <w:rsid w:val="0065085A"/>
    <w:rsid w:val="00653B55"/>
    <w:rsid w:val="00654CA9"/>
    <w:rsid w:val="00657CA3"/>
    <w:rsid w:val="00672CE7"/>
    <w:rsid w:val="00675E70"/>
    <w:rsid w:val="006A618A"/>
    <w:rsid w:val="006E462A"/>
    <w:rsid w:val="006E5523"/>
    <w:rsid w:val="006E7A8F"/>
    <w:rsid w:val="007108E5"/>
    <w:rsid w:val="00715B64"/>
    <w:rsid w:val="00717B92"/>
    <w:rsid w:val="00744698"/>
    <w:rsid w:val="00774112"/>
    <w:rsid w:val="007A397A"/>
    <w:rsid w:val="007B362B"/>
    <w:rsid w:val="007B505A"/>
    <w:rsid w:val="007C7829"/>
    <w:rsid w:val="007E075C"/>
    <w:rsid w:val="008329E9"/>
    <w:rsid w:val="00837DF7"/>
    <w:rsid w:val="008807F9"/>
    <w:rsid w:val="008C3202"/>
    <w:rsid w:val="00912156"/>
    <w:rsid w:val="00917FDC"/>
    <w:rsid w:val="00932322"/>
    <w:rsid w:val="00953267"/>
    <w:rsid w:val="0096344F"/>
    <w:rsid w:val="009769F4"/>
    <w:rsid w:val="00986CAF"/>
    <w:rsid w:val="009B7610"/>
    <w:rsid w:val="009C23F5"/>
    <w:rsid w:val="009D3708"/>
    <w:rsid w:val="00A11677"/>
    <w:rsid w:val="00A37150"/>
    <w:rsid w:val="00A407C4"/>
    <w:rsid w:val="00A5163D"/>
    <w:rsid w:val="00A67198"/>
    <w:rsid w:val="00A70072"/>
    <w:rsid w:val="00A904B4"/>
    <w:rsid w:val="00AB0917"/>
    <w:rsid w:val="00AB4EEA"/>
    <w:rsid w:val="00AD3251"/>
    <w:rsid w:val="00AD6473"/>
    <w:rsid w:val="00B33EAC"/>
    <w:rsid w:val="00B63554"/>
    <w:rsid w:val="00B70F7D"/>
    <w:rsid w:val="00B83294"/>
    <w:rsid w:val="00BD2442"/>
    <w:rsid w:val="00C15E5D"/>
    <w:rsid w:val="00C520F1"/>
    <w:rsid w:val="00C56517"/>
    <w:rsid w:val="00C65D85"/>
    <w:rsid w:val="00C825D8"/>
    <w:rsid w:val="00C9435E"/>
    <w:rsid w:val="00C94669"/>
    <w:rsid w:val="00C95426"/>
    <w:rsid w:val="00CC7C71"/>
    <w:rsid w:val="00CD01A6"/>
    <w:rsid w:val="00CE0F1D"/>
    <w:rsid w:val="00D4202B"/>
    <w:rsid w:val="00D42165"/>
    <w:rsid w:val="00D66FB2"/>
    <w:rsid w:val="00D73F20"/>
    <w:rsid w:val="00D83183"/>
    <w:rsid w:val="00DB0CF2"/>
    <w:rsid w:val="00DB41A7"/>
    <w:rsid w:val="00DB6D40"/>
    <w:rsid w:val="00DC3DCD"/>
    <w:rsid w:val="00DD29B7"/>
    <w:rsid w:val="00DE3AF4"/>
    <w:rsid w:val="00E05B8D"/>
    <w:rsid w:val="00E239AD"/>
    <w:rsid w:val="00E5508D"/>
    <w:rsid w:val="00E833E6"/>
    <w:rsid w:val="00EB3B35"/>
    <w:rsid w:val="00ED3340"/>
    <w:rsid w:val="00F75A9B"/>
    <w:rsid w:val="00F85D34"/>
    <w:rsid w:val="00F8628D"/>
    <w:rsid w:val="00F93848"/>
    <w:rsid w:val="00FA7ACA"/>
    <w:rsid w:val="00FC2531"/>
    <w:rsid w:val="00FE57F0"/>
    <w:rsid w:val="00FF16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3D61799"/>
  <w15:chartTrackingRefBased/>
  <w15:docId w15:val="{95FFCC5C-6BAB-495C-AAE3-A6C5A88E7F0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C15E5D"/>
    <w:rPr>
      <w:noProof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D4202B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D4202B"/>
    <w:rPr>
      <w:color w:val="605E5C"/>
      <w:shd w:val="clear" w:color="auto" w:fill="E1DFDD"/>
    </w:rPr>
  </w:style>
  <w:style w:type="paragraph" w:styleId="ListParagraph">
    <w:name w:val="List Paragraph"/>
    <w:basedOn w:val="Normal"/>
    <w:uiPriority w:val="34"/>
    <w:qFormat/>
    <w:rsid w:val="001350D9"/>
    <w:pPr>
      <w:ind w:left="720"/>
      <w:contextualSpacing/>
    </w:pPr>
  </w:style>
  <w:style w:type="character" w:styleId="FollowedHyperlink">
    <w:name w:val="FollowedHyperlink"/>
    <w:basedOn w:val="DefaultParagraphFont"/>
    <w:uiPriority w:val="99"/>
    <w:semiHidden/>
    <w:unhideWhenUsed/>
    <w:rsid w:val="0096344F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4.png"/><Relationship Id="rId18" Type="http://schemas.openxmlformats.org/officeDocument/2006/relationships/image" Target="media/image9.png"/><Relationship Id="rId26" Type="http://schemas.openxmlformats.org/officeDocument/2006/relationships/image" Target="media/image17.png"/><Relationship Id="rId39" Type="http://schemas.openxmlformats.org/officeDocument/2006/relationships/image" Target="media/image26.png"/><Relationship Id="rId21" Type="http://schemas.openxmlformats.org/officeDocument/2006/relationships/image" Target="media/image12.jpeg"/><Relationship Id="rId34" Type="http://schemas.openxmlformats.org/officeDocument/2006/relationships/customXml" Target="ink/ink1.xml"/><Relationship Id="rId42" Type="http://schemas.openxmlformats.org/officeDocument/2006/relationships/customXml" Target="ink/ink4.xml"/><Relationship Id="rId47" Type="http://schemas.openxmlformats.org/officeDocument/2006/relationships/image" Target="media/image30.jpeg"/><Relationship Id="rId50" Type="http://schemas.openxmlformats.org/officeDocument/2006/relationships/image" Target="media/image33.png"/><Relationship Id="rId55" Type="http://schemas.openxmlformats.org/officeDocument/2006/relationships/image" Target="media/image38.png"/><Relationship Id="rId7" Type="http://schemas.openxmlformats.org/officeDocument/2006/relationships/hyperlink" Target="https://sourceforge.net/projects/gnuwin32/files/make/3.81/" TargetMode="External"/><Relationship Id="rId12" Type="http://schemas.openxmlformats.org/officeDocument/2006/relationships/image" Target="media/image3.png"/><Relationship Id="rId17" Type="http://schemas.openxmlformats.org/officeDocument/2006/relationships/image" Target="media/image8.png"/><Relationship Id="rId25" Type="http://schemas.openxmlformats.org/officeDocument/2006/relationships/image" Target="media/image16.png"/><Relationship Id="rId33" Type="http://schemas.openxmlformats.org/officeDocument/2006/relationships/image" Target="media/image24.jpeg"/><Relationship Id="rId38" Type="http://schemas.openxmlformats.org/officeDocument/2006/relationships/image" Target="media/image25.png"/><Relationship Id="rId46" Type="http://schemas.openxmlformats.org/officeDocument/2006/relationships/image" Target="media/image29.jpeg"/><Relationship Id="rId59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image" Target="media/image7.png"/><Relationship Id="rId20" Type="http://schemas.openxmlformats.org/officeDocument/2006/relationships/image" Target="media/image11.png"/><Relationship Id="rId29" Type="http://schemas.openxmlformats.org/officeDocument/2006/relationships/image" Target="media/image20.png"/><Relationship Id="rId41" Type="http://schemas.openxmlformats.org/officeDocument/2006/relationships/image" Target="media/image180.png"/><Relationship Id="rId54" Type="http://schemas.openxmlformats.org/officeDocument/2006/relationships/image" Target="media/image37.jpeg"/><Relationship Id="rId1" Type="http://schemas.openxmlformats.org/officeDocument/2006/relationships/numbering" Target="numbering.xml"/><Relationship Id="rId6" Type="http://schemas.openxmlformats.org/officeDocument/2006/relationships/hyperlink" Target="https://developer.arm.com/tools-and-software/open-source-software/developer-tools/gnu-toolchain/gnu-rm/downloads/7-2018-q2-update" TargetMode="External"/><Relationship Id="rId11" Type="http://schemas.openxmlformats.org/officeDocument/2006/relationships/image" Target="media/image2.png"/><Relationship Id="rId24" Type="http://schemas.openxmlformats.org/officeDocument/2006/relationships/image" Target="media/image15.jpeg"/><Relationship Id="rId32" Type="http://schemas.openxmlformats.org/officeDocument/2006/relationships/image" Target="media/image23.jpeg"/><Relationship Id="rId37" Type="http://schemas.openxmlformats.org/officeDocument/2006/relationships/image" Target="media/image160.png"/><Relationship Id="rId40" Type="http://schemas.openxmlformats.org/officeDocument/2006/relationships/customXml" Target="ink/ink3.xml"/><Relationship Id="rId45" Type="http://schemas.openxmlformats.org/officeDocument/2006/relationships/image" Target="media/image28.png"/><Relationship Id="rId53" Type="http://schemas.openxmlformats.org/officeDocument/2006/relationships/image" Target="media/image36.jpeg"/><Relationship Id="rId58" Type="http://schemas.openxmlformats.org/officeDocument/2006/relationships/fontTable" Target="fontTable.xml"/><Relationship Id="rId5" Type="http://schemas.openxmlformats.org/officeDocument/2006/relationships/hyperlink" Target="https://www.python.org/downloads/release/python-3810/" TargetMode="External"/><Relationship Id="rId15" Type="http://schemas.openxmlformats.org/officeDocument/2006/relationships/image" Target="media/image6.jpeg"/><Relationship Id="rId23" Type="http://schemas.openxmlformats.org/officeDocument/2006/relationships/image" Target="media/image14.jpeg"/><Relationship Id="rId28" Type="http://schemas.openxmlformats.org/officeDocument/2006/relationships/image" Target="media/image19.png"/><Relationship Id="rId36" Type="http://schemas.openxmlformats.org/officeDocument/2006/relationships/customXml" Target="ink/ink2.xml"/><Relationship Id="rId49" Type="http://schemas.openxmlformats.org/officeDocument/2006/relationships/image" Target="media/image32.png"/><Relationship Id="rId57" Type="http://schemas.openxmlformats.org/officeDocument/2006/relationships/image" Target="media/image40.png"/><Relationship Id="rId10" Type="http://schemas.openxmlformats.org/officeDocument/2006/relationships/hyperlink" Target="https://github.com/kmackay/micro-ecc" TargetMode="External"/><Relationship Id="rId19" Type="http://schemas.openxmlformats.org/officeDocument/2006/relationships/image" Target="media/image10.png"/><Relationship Id="rId31" Type="http://schemas.openxmlformats.org/officeDocument/2006/relationships/image" Target="media/image22.jpeg"/><Relationship Id="rId44" Type="http://schemas.openxmlformats.org/officeDocument/2006/relationships/image" Target="media/image27.png"/><Relationship Id="rId52" Type="http://schemas.openxmlformats.org/officeDocument/2006/relationships/image" Target="media/image35.jpeg"/><Relationship Id="rId4" Type="http://schemas.openxmlformats.org/officeDocument/2006/relationships/webSettings" Target="webSettings.xml"/><Relationship Id="rId9" Type="http://schemas.openxmlformats.org/officeDocument/2006/relationships/image" Target="media/image1.png"/><Relationship Id="rId14" Type="http://schemas.openxmlformats.org/officeDocument/2006/relationships/image" Target="media/image5.png"/><Relationship Id="rId22" Type="http://schemas.openxmlformats.org/officeDocument/2006/relationships/image" Target="media/image13.jpeg"/><Relationship Id="rId27" Type="http://schemas.openxmlformats.org/officeDocument/2006/relationships/image" Target="media/image18.png"/><Relationship Id="rId30" Type="http://schemas.openxmlformats.org/officeDocument/2006/relationships/image" Target="media/image21.jpeg"/><Relationship Id="rId35" Type="http://schemas.openxmlformats.org/officeDocument/2006/relationships/image" Target="media/image15.png"/><Relationship Id="rId43" Type="http://schemas.openxmlformats.org/officeDocument/2006/relationships/image" Target="media/image190.png"/><Relationship Id="rId48" Type="http://schemas.openxmlformats.org/officeDocument/2006/relationships/image" Target="media/image31.png"/><Relationship Id="rId56" Type="http://schemas.openxmlformats.org/officeDocument/2006/relationships/image" Target="media/image39.jpeg"/><Relationship Id="rId8" Type="http://schemas.openxmlformats.org/officeDocument/2006/relationships/hyperlink" Target="https://github.com/CarlosSiles67/Make_3.81" TargetMode="External"/><Relationship Id="rId51" Type="http://schemas.openxmlformats.org/officeDocument/2006/relationships/image" Target="media/image34.jpeg"/><Relationship Id="rId3" Type="http://schemas.openxmlformats.org/officeDocument/2006/relationships/settings" Target="settings.xml"/></Relationships>
</file>

<file path=word/ink/ink1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</inkml:channelProperties>
      </inkml:inkSource>
      <inkml:timestamp xml:id="ts0" timeString="2021-10-14T08:27:34.661"/>
    </inkml:context>
    <inkml:brush xml:id="br0">
      <inkml:brushProperty name="width" value="0.05" units="cm"/>
      <inkml:brushProperty name="height" value="0.05" units="cm"/>
      <inkml:brushProperty name="color" value="#E71224"/>
    </inkml:brush>
  </inkml:definitions>
  <inkml:trace contextRef="#ctx0" brushRef="#br0">1 561 24575,'6'-3'0,"9"-5"0,9 0 0,9-6 0,6-4 0,5-1 0,6-2 0,0 1 0,-1-1 0,-7 1 0,-6 1 0,-7 2 0,-8 2 0,-4 4 0,-2 2 0,-4 1 0</inkml:trace>
  <inkml:trace contextRef="#ctx0" brushRef="#br0" timeOffset="2736.06">19 390 24575,'0'4'0,"0"3"0,0 5 0,0 2 0,0 4 0,0 0 0,-3 2 0,-1-1 0,-1 1 0,9-3 0,8-5 0,13-5 0,9-2 0,1-3 0,1-2 0,2-1 0,-7 1-8191</inkml:trace>
  <inkml:trace contextRef="#ctx0" brushRef="#br0" timeOffset="4365.18">702 126 24575,'2'-5'0,"1"0"0,-1 1 0,1 0 0,-1-1 0,1 1 0,0 0 0,1 1 0,-1-1 0,1 0 0,0 1 0,0 0 0,4-3 0,2-3 0,-3 3 0,2-3 0,-1 1 0,1 1 0,1 0 0,-1 0 0,13-6 0,-21 12 0,1 0 0,0 1 0,-1-1 0,1 0 0,0 1 0,-1-1 0,1 1 0,0 0 0,0-1 0,0 1 0,-1 0 0,1 0 0,0 0 0,0 0 0,0 1 0,0-1 0,-1 0 0,1 1 0,0-1 0,-1 1 0,1 0 0,0 0 0,-1-1 0,1 1 0,-1 0 0,1 0 0,-1 0 0,1 1 0,-1-1 0,0 0 0,1 0 0,-1 1 0,0-1 0,0 1 0,0-1 0,0 1 0,0 0 0,-1-1 0,1 1 0,0 2 0,3 4 0,0 1 0,-1-1 0,-1 1 0,1 0 0,-1 0 0,-1 0 0,0 0 0,0 0 0,-1 0 0,0 0 0,0 0 0,-1 0 0,0 0 0,-1 0 0,0-1 0,0 1 0,-1 0 0,0-1 0,-1 1 0,0-1 0,0 0 0,-1 0 0,1-1 0,-2 1 0,1-1 0,-1 0 0,0-1 0,-1 1 0,1-1 0,-1-1 0,-11 8 0,5-1 0,14-6 0,28-4 0,-26-1 0,185-3-1365,-170 1-5461</inkml:trace>
</inkml:ink>
</file>

<file path=word/ink/ink2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</inkml:channelProperties>
      </inkml:inkSource>
      <inkml:timestamp xml:id="ts0" timeString="2021-10-14T08:27:25.980"/>
    </inkml:context>
    <inkml:brush xml:id="br0">
      <inkml:brushProperty name="width" value="0.05" units="cm"/>
      <inkml:brushProperty name="height" value="0.05" units="cm"/>
      <inkml:brushProperty name="color" value="#E71224"/>
    </inkml:brush>
  </inkml:definitions>
  <inkml:trace contextRef="#ctx0" brushRef="#br0">102 422 24575,'319'-136'0,"-94"45"0,-195 74-1365,-21 9-5461</inkml:trace>
  <inkml:trace contextRef="#ctx0" brushRef="#br0" timeOffset="1265.53">159 309 24575,'-6'2'0,"1"0"0,-1 0 0,1 1 0,0-1 0,0 1 0,0 1 0,0-1 0,1 1 0,-1-1 0,-6 9 0,0-2 0,-23 14 0,-14 13 0,48-37 0,-1 0 0,1 1 0,0-1 0,0 0 0,-1 1 0,1-1 0,0 0 0,0 1 0,0-1 0,-1 0 0,1 1 0,0-1 0,0 0 0,0 1 0,0-1 0,0 0 0,0 1 0,0-1 0,0 1 0,0-1 0,0 0 0,0 1 0,0-1 0,0 0 0,0 1 0,0-1 0,0 1 0,0-1 0,0 0 0,0 1 0,1-1 0,-1 0 0,0 1 0,0-1 0,0 0 0,1 0 0,-1 1 0,0-1 0,1 1 0,19 9 0,32 0 0,-48-10 0,37 5-502,62-3-1,-96-2 143,13 0-6466</inkml:trace>
  <inkml:trace contextRef="#ctx0" brushRef="#br0" timeOffset="2858.32">861 214 24575,'2'-6'0,"-1"1"0,1 0 0,0 0 0,0 0 0,0 0 0,1 0 0,0 1 0,5-8 0,7-13 0,6-25 0,14-29 0,-35 79 0,0 0 0,0-1 0,0 1 0,0 0 0,0-1 0,1 1 0,-1 0 0,0-1 0,0 1 0,0 0 0,0 0 0,0-1 0,1 1 0,-1 0 0,0-1 0,0 1 0,0 0 0,1 0 0,-1 0 0,0-1 0,0 1 0,1 0 0,-1 0 0,0 0 0,1-1 0,-1 1 0,0 0 0,1 0 0,-1 0 0,0 0 0,1 0 0,-1 0 0,0 0 0,1 0 0,-1 0 0,0 0 0,1 0 0,-1 0 0,0 0 0,1 0 0,-1 0 0,0 0 0,0 0 0,1 1 0,5 17 0,-3 25 0,-3-42 0,-2 245-1365,2-230-5461</inkml:trace>
  <inkml:trace contextRef="#ctx0" brushRef="#br0" timeOffset="3472.19">900 386 24575,'0'-3'0,"0"-5"0,4 0 0,3 0 0,5 3 0,3 1 0,5 2 0,3 0 0,4 2 0,0-3 0,-1-1 0,-1 0 0,-6 1-8191</inkml:trace>
</inkml:ink>
</file>

<file path=word/ink/ink3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</inkml:channelProperties>
      </inkml:inkSource>
      <inkml:timestamp xml:id="ts0" timeString="2021-10-14T08:37:19.843"/>
    </inkml:context>
    <inkml:brush xml:id="br0">
      <inkml:brushProperty name="width" value="0.05" units="cm"/>
      <inkml:brushProperty name="height" value="0.05" units="cm"/>
      <inkml:brushProperty name="color" value="#E71224"/>
    </inkml:brush>
  </inkml:definitions>
  <inkml:trace contextRef="#ctx0" brushRef="#br0">72 67 24575,'4'2'0,"0"0"0,-1 1 0,1-1 0,-1 1 0,0 0 0,0 0 0,0 0 0,0 1 0,-1-1 0,1 0 0,-1 1 0,0 0 0,3 6 0,0-1 0,20 31-70,-9-15-362,0 0 1,29 33-1,-36-49-6394</inkml:trace>
  <inkml:trace contextRef="#ctx0" brushRef="#br0" timeOffset="1446.16">2 138 24575,'-1'-22'0,"1"-44"0,0 63 0,0 1 0,0 0 0,1-1 0,-1 1 0,1-1 0,-1 1 0,1 0 0,0-1 0,0 1 0,0 0 0,0 0 0,0 0 0,1 0 0,-1 0 0,1 0 0,-1 0 0,1 0 0,0 1 0,0-1 0,3-2 0,-3 3-1,0 1 0,0-1 0,0 1 0,1-1 0,-1 1 0,0 0 0,0 0 0,0 0 0,0 0 0,1 1 0,-1-1 0,0 0 0,0 1 0,0 0 0,4 1 0,37 20 102,-4-3-1551,-25-16-5376</inkml:trace>
</inkml:ink>
</file>

<file path=word/ink/ink4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</inkml:channelProperties>
      </inkml:inkSource>
      <inkml:timestamp xml:id="ts0" timeString="2021-10-14T08:37:11.654"/>
    </inkml:context>
    <inkml:brush xml:id="br0">
      <inkml:brushProperty name="width" value="0.05" units="cm"/>
      <inkml:brushProperty name="height" value="0.05" units="cm"/>
      <inkml:brushProperty name="color" value="#E71224"/>
    </inkml:brush>
  </inkml:definitions>
  <inkml:trace contextRef="#ctx0" brushRef="#br0">35 62 24575,'2'3'0,"-1"-1"0,1 1 0,0-1 0,0 1 0,0-1 0,0 0 0,0 0 0,1 0 0,-1 0 0,4 1 0,12 13 0,9 17 61,49 48-1,-8-11-1546,-61-61-5340</inkml:trace>
  <inkml:trace contextRef="#ctx0" brushRef="#br0" timeOffset="1428.16">1 133 24575,'0'-6'0,"0"-5"0,0-4 0,0-1 0,0-3 0,0 1 0,0-1 0,3 3 0,4 8 0,3 4 0,4 4 0,2 4 0,2 5 0,0 1 0,-3-2-8191</inkml:trace>
</inkml:ink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450</TotalTime>
  <Pages>14</Pages>
  <Words>981</Words>
  <Characters>5594</Characters>
  <Application>Microsoft Office Word</Application>
  <DocSecurity>0</DocSecurity>
  <Lines>46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5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homas Yang</dc:creator>
  <cp:keywords/>
  <dc:description/>
  <cp:lastModifiedBy>Thomas Yang</cp:lastModifiedBy>
  <cp:revision>94</cp:revision>
  <dcterms:created xsi:type="dcterms:W3CDTF">2021-09-09T01:55:00Z</dcterms:created>
  <dcterms:modified xsi:type="dcterms:W3CDTF">2021-10-15T02:39:00Z</dcterms:modified>
</cp:coreProperties>
</file>